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12"/>
  </p:sldMasterIdLst>
  <p:notesMasterIdLst>
    <p:notesMasterId r:id="rId19"/>
  </p:notesMasterIdLst>
  <p:handoutMasterIdLst>
    <p:handoutMasterId r:id="rId20"/>
  </p:handoutMasterIdLst>
  <p:sldIdLst>
    <p:sldId id="2146846190" r:id="rId13"/>
    <p:sldId id="566" r:id="rId14"/>
    <p:sldId id="2146846192" r:id="rId15"/>
    <p:sldId id="556" r:id="rId16"/>
    <p:sldId id="2146846193" r:id="rId17"/>
    <p:sldId id="297" r:id="rId18"/>
  </p:sldIdLst>
  <p:sldSz cx="12192000" cy="6858000"/>
  <p:notesSz cx="6808788" cy="9940925"/>
  <p:embeddedFontLst>
    <p:embeddedFont>
      <p:font typeface="Quincy CF F&amp;P Office" pitchFamily="2" charset="0"/>
      <p:regular r:id="rId21"/>
      <p:bold r:id="rId22"/>
      <p:italic r:id="rId23"/>
      <p:boldItalic r:id="rId24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0E3FDE45-AF77-4B5C-9715-49D594BDF05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E3FDE45-AF77-4B5C-9715-49D594BDF05E}" styleName="Light Style 1 - Acc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2D5ABB26-0587-4C30-8999-92F81FD0307C}" styleName="Ingen typografi, intet git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667" autoAdjust="0"/>
    <p:restoredTop sz="85170" autoAdjust="0"/>
  </p:normalViewPr>
  <p:slideViewPr>
    <p:cSldViewPr snapToGrid="0" showGuides="1">
      <p:cViewPr varScale="1">
        <p:scale>
          <a:sx n="98" d="100"/>
          <a:sy n="98" d="100"/>
        </p:scale>
        <p:origin x="102" y="32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6" d="100"/>
          <a:sy n="96" d="100"/>
        </p:scale>
        <p:origin x="2706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font" Target="fonts/font1.fntdata"/><Relationship Id="rId7" Type="http://schemas.openxmlformats.org/officeDocument/2006/relationships/customXml" Target="../customXml/item7.xml"/><Relationship Id="rId12" Type="http://schemas.openxmlformats.org/officeDocument/2006/relationships/slideMaster" Target="slideMasters/slideMaster1.xml"/><Relationship Id="rId17" Type="http://schemas.openxmlformats.org/officeDocument/2006/relationships/slide" Target="slides/slide5.xml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4.xml"/><Relationship Id="rId20" Type="http://schemas.openxmlformats.org/officeDocument/2006/relationships/handoutMaster" Target="handoutMasters/handout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font" Target="fonts/font4.fntdata"/><Relationship Id="rId5" Type="http://schemas.openxmlformats.org/officeDocument/2006/relationships/customXml" Target="../customXml/item5.xml"/><Relationship Id="rId15" Type="http://schemas.openxmlformats.org/officeDocument/2006/relationships/slide" Target="slides/slide3.xml"/><Relationship Id="rId23" Type="http://schemas.openxmlformats.org/officeDocument/2006/relationships/font" Target="fonts/font3.fntdata"/><Relationship Id="rId28" Type="http://schemas.openxmlformats.org/officeDocument/2006/relationships/tableStyles" Target="tableStyles.xml"/><Relationship Id="rId10" Type="http://schemas.openxmlformats.org/officeDocument/2006/relationships/customXml" Target="../customXml/item10.xml"/><Relationship Id="rId19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2.xml"/><Relationship Id="rId22" Type="http://schemas.openxmlformats.org/officeDocument/2006/relationships/font" Target="fonts/font2.fntdata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B3FFB1A-3D03-4CAF-BD83-94BC0DD1D11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42155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Header Placeholder 2">
            <a:extLst>
              <a:ext uri="{FF2B5EF4-FFF2-40B4-BE49-F238E27FC236}">
                <a16:creationId xmlns:a16="http://schemas.microsoft.com/office/drawing/2014/main" id="{F78585ED-E09F-4544-9D28-61960CDC78A7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3BD75-AA93-4F77-AAFD-71EBF7C56239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56738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924A9BE-A375-4D2B-901B-6A282499FA04}" type="datetime1">
              <a:rPr lang="en-GB" smtClean="0"/>
              <a:t>27/01/2026</a:t>
            </a:fld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41FA956-9989-4246-8A28-4D201CBFBA65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56738" y="9442155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871E504-7D2F-4226-9493-8292EE5D077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83F185A3-66D2-4D10-89A9-2033FCB223F8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9442155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Slide Image Placeholder 2">
            <a:extLst>
              <a:ext uri="{FF2B5EF4-FFF2-40B4-BE49-F238E27FC236}">
                <a16:creationId xmlns:a16="http://schemas.microsoft.com/office/drawing/2014/main" id="{C7B05EB1-0120-43C4-9E3F-C19C6476CD70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3013"/>
            <a:ext cx="5964238" cy="33543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45E5836E-8170-4804-9800-6AE5EBBE422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5AB016-25EA-425F-9A59-14BC385A1D1B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56738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D88775D-CD97-4B8B-87A5-121C70B0CEC2}" type="datetime1">
              <a:rPr lang="en-GB" smtClean="0"/>
              <a:t>27/01/2026</a:t>
            </a:fld>
            <a:endParaRPr lang="en-GB"/>
          </a:p>
        </p:txBody>
      </p:sp>
      <p:sp>
        <p:nvSpPr>
          <p:cNvPr id="6" name="Notes Placeholder 5">
            <a:extLst>
              <a:ext uri="{FF2B5EF4-FFF2-40B4-BE49-F238E27FC236}">
                <a16:creationId xmlns:a16="http://schemas.microsoft.com/office/drawing/2014/main" id="{B41D9AB7-224F-42A1-8469-C71F2146F39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0880" y="4784070"/>
            <a:ext cx="5447030" cy="3914239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C28F7B-22D6-4FFA-899B-97B397D45F8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56738" y="9442155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74A5A2F-ECD0-4A51-A9E7-D8DA645BD5CD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dsholder til sidehoved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dato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1D88775D-CD97-4B8B-87A5-121C70B0CEC2}" type="datetime1">
              <a:rPr lang="en-GB" smtClean="0"/>
              <a:t>27/01/2026</a:t>
            </a:fld>
            <a:endParaRPr lang="en-GB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en-GB" smtClean="0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3371248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altLang="da-DK" sz="1800" dirty="0"/>
              <a:t>Enslydende forbud mod konkurrencebegrænsende aftaler i konkurrencelovens § 6  </a:t>
            </a:r>
            <a:r>
              <a:rPr lang="da-DK" altLang="da-DK" sz="1800" u="sng" dirty="0"/>
              <a:t>og</a:t>
            </a:r>
            <a:r>
              <a:rPr lang="da-DK" altLang="da-DK" sz="1800" dirty="0"/>
              <a:t> TEUF artikel 101, stk. 1:</a:t>
            </a:r>
          </a:p>
          <a:p>
            <a:pPr marL="0" indent="0">
              <a:buNone/>
            </a:pPr>
            <a:endParaRPr lang="da-DK" altLang="da-DK" sz="1800" i="1" dirty="0"/>
          </a:p>
          <a:p>
            <a:pPr marL="0" indent="0">
              <a:buNone/>
            </a:pPr>
            <a:r>
              <a:rPr lang="da-DK" altLang="da-DK" sz="1800" i="1" dirty="0"/>
              <a:t>”Det er forbudt for virksomheder m.v. at indgå aftaler, der direkte eller indirekte har til formål eller følge at begrænse konkurrencen” </a:t>
            </a:r>
          </a:p>
          <a:p>
            <a:pPr marL="679450" lvl="2" indent="-285750">
              <a:buFont typeface="Arial" panose="020B0604020202020204" pitchFamily="34" charset="0"/>
              <a:buChar char="•"/>
            </a:pPr>
            <a:endParaRPr lang="da-DK" altLang="da-DK" sz="1800" i="1" dirty="0"/>
          </a:p>
          <a:p>
            <a:pPr marL="0" indent="0">
              <a:buNone/>
            </a:pPr>
            <a:r>
              <a:rPr lang="da-DK" altLang="da-DK" sz="1800" dirty="0"/>
              <a:t>Forbuddet er det samme –&gt; reglerne skal fortolkes ens</a:t>
            </a:r>
          </a:p>
          <a:p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dsholder til sidehoved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dato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1D88775D-CD97-4B8B-87A5-121C70B0CEC2}" type="datetime1">
              <a:rPr lang="en-GB" smtClean="0"/>
              <a:t>27/01/2026</a:t>
            </a:fld>
            <a:endParaRPr lang="en-GB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5141460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b="1" dirty="0"/>
              <a:t>Hvad er væsentlige konkurrenceparametre?</a:t>
            </a:r>
          </a:p>
          <a:p>
            <a:endParaRPr lang="da-DK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="0" dirty="0"/>
              <a:t>Forhold, som virksomheder under normale forhold vil konkurrere om i et effektivt marked</a:t>
            </a:r>
          </a:p>
          <a:p>
            <a:r>
              <a:rPr lang="da-DK" dirty="0"/>
              <a:t> </a:t>
            </a:r>
          </a:p>
          <a:p>
            <a:r>
              <a:rPr lang="da-DK" dirty="0"/>
              <a:t>Priser, produktion, salg, omkostninger</a:t>
            </a:r>
          </a:p>
          <a:p>
            <a:endParaRPr lang="da-DK" dirty="0"/>
          </a:p>
          <a:p>
            <a:r>
              <a:rPr lang="da-DK" dirty="0"/>
              <a:t>Særligt oppe i tiden </a:t>
            </a:r>
            <a:r>
              <a:rPr lang="da-DK" dirty="0" err="1"/>
              <a:t>pga</a:t>
            </a:r>
            <a:r>
              <a:rPr lang="da-DK" dirty="0"/>
              <a:t> jobmarkedet: Medarbejdere/lønninger (fx no </a:t>
            </a:r>
            <a:r>
              <a:rPr lang="da-DK" dirty="0" err="1"/>
              <a:t>poach</a:t>
            </a:r>
            <a:r>
              <a:rPr lang="da-DK" dirty="0"/>
              <a:t> agreements om at man ikke må ”stjæle” hinandens medarbejdere=</a:t>
            </a:r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dsholder til sidehoved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dato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1D88775D-CD97-4B8B-87A5-121C70B0CEC2}" type="datetime1">
              <a:rPr lang="en-GB" smtClean="0"/>
              <a:t>27/01/2026</a:t>
            </a:fld>
            <a:endParaRPr lang="en-GB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en-GB" smtClean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482727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13" Type="http://schemas.openxmlformats.org/officeDocument/2006/relationships/image" Target="../media/image19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12" Type="http://schemas.openxmlformats.org/officeDocument/2006/relationships/image" Target="../media/image18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11" Type="http://schemas.openxmlformats.org/officeDocument/2006/relationships/image" Target="../media/image17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A7CE0ADF-88A7-4CDD-8AF6-DDCFFFF69D38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6CF409D0-4308-40EC-A95E-64455EB887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29387430-CFED-4C75-B4EF-9DF317FC635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2436624" y="0"/>
            <a:ext cx="9755376" cy="3400110"/>
          </a:xfrm>
          <a:custGeom>
            <a:avLst/>
            <a:gdLst>
              <a:gd name="connsiteX0" fmla="*/ 588850 w 9755376"/>
              <a:gd name="connsiteY0" fmla="*/ 0 h 3400110"/>
              <a:gd name="connsiteX1" fmla="*/ 9755376 w 9755376"/>
              <a:gd name="connsiteY1" fmla="*/ 0 h 3400110"/>
              <a:gd name="connsiteX2" fmla="*/ 9755376 w 9755376"/>
              <a:gd name="connsiteY2" fmla="*/ 1748990 h 3400110"/>
              <a:gd name="connsiteX3" fmla="*/ 9751774 w 9755376"/>
              <a:gd name="connsiteY3" fmla="*/ 1753079 h 3400110"/>
              <a:gd name="connsiteX4" fmla="*/ 7907767 w 9755376"/>
              <a:gd name="connsiteY4" fmla="*/ 2937409 h 3400110"/>
              <a:gd name="connsiteX5" fmla="*/ 5153064 w 9755376"/>
              <a:gd name="connsiteY5" fmla="*/ 3400080 h 3400110"/>
              <a:gd name="connsiteX6" fmla="*/ 0 w 9755376"/>
              <a:gd name="connsiteY6" fmla="*/ 3400080 h 34001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9755376" h="3400110">
                <a:moveTo>
                  <a:pt x="588850" y="0"/>
                </a:moveTo>
                <a:lnTo>
                  <a:pt x="9755376" y="0"/>
                </a:lnTo>
                <a:lnTo>
                  <a:pt x="9755376" y="1748990"/>
                </a:lnTo>
                <a:lnTo>
                  <a:pt x="9751774" y="1753079"/>
                </a:lnTo>
                <a:cubicBezTo>
                  <a:pt x="9674834" y="1839257"/>
                  <a:pt x="9024417" y="2541062"/>
                  <a:pt x="7907767" y="2937409"/>
                </a:cubicBezTo>
                <a:cubicBezTo>
                  <a:pt x="6569083" y="3412533"/>
                  <a:pt x="5153064" y="3400080"/>
                  <a:pt x="5153064" y="3400080"/>
                </a:cubicBezTo>
                <a:lnTo>
                  <a:pt x="0" y="340008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7200" y="3736800"/>
            <a:ext cx="8542800" cy="1778400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2436813" y="5515200"/>
            <a:ext cx="8524800" cy="396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1"/>
            </a:lvl1pPr>
            <a:lvl2pPr marL="0" indent="0" algn="l">
              <a:buFont typeface="Arial" panose="020B0604020202020204" pitchFamily="34" charset="0"/>
              <a:buChar char="​"/>
              <a:defRPr sz="1800" b="1"/>
            </a:lvl2pPr>
            <a:lvl3pPr marL="0" indent="0" algn="l">
              <a:buFont typeface="Arial" panose="020B0604020202020204" pitchFamily="34" charset="0"/>
              <a:buChar char="​"/>
              <a:defRPr sz="1800" b="1"/>
            </a:lvl3pPr>
            <a:lvl4pPr marL="0" indent="0" algn="l">
              <a:buFont typeface="Arial" panose="020B0604020202020204" pitchFamily="34" charset="0"/>
              <a:buChar char="​"/>
              <a:defRPr sz="1800" b="1"/>
            </a:lvl4pPr>
            <a:lvl5pPr marL="0" indent="0" algn="l">
              <a:buFont typeface="Arial" panose="020B0604020202020204" pitchFamily="34" charset="0"/>
              <a:buChar char="​"/>
              <a:defRPr sz="1800" b="1"/>
            </a:lvl5pPr>
            <a:lvl6pPr marL="0" indent="0" algn="l">
              <a:buFont typeface="Arial" panose="020B0604020202020204" pitchFamily="34" charset="0"/>
              <a:buChar char="​"/>
              <a:defRPr sz="1800" b="1"/>
            </a:lvl6pPr>
            <a:lvl7pPr marL="0" indent="0" algn="l">
              <a:buFont typeface="Arial" panose="020B0604020202020204" pitchFamily="34" charset="0"/>
              <a:buChar char="​"/>
              <a:defRPr sz="1800" b="1"/>
            </a:lvl7pPr>
            <a:lvl8pPr marL="0" indent="0" algn="l">
              <a:buFont typeface="Arial" panose="020B0604020202020204" pitchFamily="34" charset="0"/>
              <a:buChar char="​"/>
              <a:defRPr sz="1800" b="1"/>
            </a:lvl8pPr>
            <a:lvl9pPr marL="0" indent="0" algn="l">
              <a:buFont typeface="Arial" panose="020B0604020202020204" pitchFamily="34" charset="0"/>
              <a:buChar char="​"/>
              <a:defRPr sz="1800" b="1"/>
            </a:lvl9pPr>
          </a:lstStyle>
          <a:p>
            <a:r>
              <a:rPr lang="da-DK" dirty="0"/>
              <a:t>Klik for at tilføje undertitel</a:t>
            </a:r>
          </a:p>
        </p:txBody>
      </p:sp>
      <p:pic>
        <p:nvPicPr>
          <p:cNvPr id="17" name="Graphic 16" hidden="1">
            <a:extLst>
              <a:ext uri="{FF2B5EF4-FFF2-40B4-BE49-F238E27FC236}">
                <a16:creationId xmlns:a16="http://schemas.microsoft.com/office/drawing/2014/main" id="{DB03CC15-A487-4717-B880-A419B559346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 l="75564" t="36360" r="9913" b="42154"/>
          <a:stretch>
            <a:fillRect/>
          </a:stretch>
        </p:blipFill>
        <p:spPr>
          <a:xfrm>
            <a:off x="0" y="0"/>
            <a:ext cx="12192000" cy="6858001"/>
          </a:xfrm>
          <a:custGeom>
            <a:avLst/>
            <a:gdLst>
              <a:gd name="connsiteX0" fmla="*/ 253218 w 12192000"/>
              <a:gd name="connsiteY0" fmla="*/ 0 h 6858001"/>
              <a:gd name="connsiteX1" fmla="*/ 951207 w 12192000"/>
              <a:gd name="connsiteY1" fmla="*/ 0 h 6858001"/>
              <a:gd name="connsiteX2" fmla="*/ 2219862 w 12192000"/>
              <a:gd name="connsiteY2" fmla="*/ 0 h 6858001"/>
              <a:gd name="connsiteX3" fmla="*/ 12192000 w 12192000"/>
              <a:gd name="connsiteY3" fmla="*/ 0 h 6858001"/>
              <a:gd name="connsiteX4" fmla="*/ 12192000 w 12192000"/>
              <a:gd name="connsiteY4" fmla="*/ 6858001 h 6858001"/>
              <a:gd name="connsiteX5" fmla="*/ 951207 w 12192000"/>
              <a:gd name="connsiteY5" fmla="*/ 6858001 h 6858001"/>
              <a:gd name="connsiteX6" fmla="*/ 951207 w 12192000"/>
              <a:gd name="connsiteY6" fmla="*/ 6855021 h 6858001"/>
              <a:gd name="connsiteX7" fmla="*/ 419122 w 12192000"/>
              <a:gd name="connsiteY7" fmla="*/ 6855021 h 6858001"/>
              <a:gd name="connsiteX8" fmla="*/ 419122 w 12192000"/>
              <a:gd name="connsiteY8" fmla="*/ 6858001 h 6858001"/>
              <a:gd name="connsiteX9" fmla="*/ 0 w 12192000"/>
              <a:gd name="connsiteY9" fmla="*/ 6858001 h 6858001"/>
              <a:gd name="connsiteX10" fmla="*/ 0 w 12192000"/>
              <a:gd name="connsiteY10" fmla="*/ 1 h 6858001"/>
              <a:gd name="connsiteX11" fmla="*/ 253218 w 12192000"/>
              <a:gd name="connsiteY11" fmla="*/ 1 h 68580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6858001">
                <a:moveTo>
                  <a:pt x="253218" y="0"/>
                </a:moveTo>
                <a:lnTo>
                  <a:pt x="951207" y="0"/>
                </a:lnTo>
                <a:lnTo>
                  <a:pt x="2219862" y="0"/>
                </a:lnTo>
                <a:lnTo>
                  <a:pt x="12192000" y="0"/>
                </a:lnTo>
                <a:lnTo>
                  <a:pt x="12192000" y="6858001"/>
                </a:lnTo>
                <a:lnTo>
                  <a:pt x="951207" y="6858001"/>
                </a:lnTo>
                <a:lnTo>
                  <a:pt x="951207" y="6855021"/>
                </a:lnTo>
                <a:lnTo>
                  <a:pt x="419122" y="6855021"/>
                </a:lnTo>
                <a:lnTo>
                  <a:pt x="419122" y="6858001"/>
                </a:lnTo>
                <a:lnTo>
                  <a:pt x="0" y="6858001"/>
                </a:lnTo>
                <a:lnTo>
                  <a:pt x="0" y="1"/>
                </a:lnTo>
                <a:lnTo>
                  <a:pt x="253218" y="1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124021018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>
            <a:extLst>
              <a:ext uri="{FF2B5EF4-FFF2-40B4-BE49-F238E27FC236}">
                <a16:creationId xmlns:a16="http://schemas.microsoft.com/office/drawing/2014/main" id="{C60C952E-1E61-4737-82E6-F975464D04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F0C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180000"/>
            <a:ext cx="8272213" cy="2188800"/>
          </a:xfrm>
        </p:spPr>
        <p:txBody>
          <a:bodyPr/>
          <a:lstStyle>
            <a:lvl1pPr>
              <a:lnSpc>
                <a:spcPct val="100000"/>
              </a:lnSpc>
              <a:defRPr sz="13800" spc="-400" baseline="0"/>
            </a:lvl1pPr>
          </a:lstStyle>
          <a:p>
            <a:r>
              <a:rPr lang="da-DK" dirty="0"/>
              <a:t>#Agenda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B5033EC-9C42-4A1E-A476-6A0A16B8D987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2620800"/>
            <a:ext cx="35244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22AFC0CD-4E25-4C7D-A3E9-F11C24620C8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38000" y="2620800"/>
            <a:ext cx="35244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0E28813D-7F85-4D53-95E2-9AAE22580DC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67663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>
            <a:extLst>
              <a:ext uri="{FF2B5EF4-FFF2-40B4-BE49-F238E27FC236}">
                <a16:creationId xmlns:a16="http://schemas.microsoft.com/office/drawing/2014/main" id="{C60C952E-1E61-4737-82E6-F975464D04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EF2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180000"/>
            <a:ext cx="8272213" cy="2188800"/>
          </a:xfrm>
        </p:spPr>
        <p:txBody>
          <a:bodyPr/>
          <a:lstStyle>
            <a:lvl1pPr>
              <a:lnSpc>
                <a:spcPct val="100000"/>
              </a:lnSpc>
              <a:defRPr sz="13800" spc="-400" baseline="0"/>
            </a:lvl1pPr>
          </a:lstStyle>
          <a:p>
            <a:r>
              <a:rPr lang="da-DK" dirty="0"/>
              <a:t>#Agenda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D83EF2DE-4CBD-4E72-AF19-5CCACADC630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2620800"/>
            <a:ext cx="35244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EC4B809A-196A-473F-B2D3-3320A143C75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38000" y="2620800"/>
            <a:ext cx="35244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0E28813D-7F85-4D53-95E2-9AAE22580DC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800013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>
            <a:extLst>
              <a:ext uri="{FF2B5EF4-FFF2-40B4-BE49-F238E27FC236}">
                <a16:creationId xmlns:a16="http://schemas.microsoft.com/office/drawing/2014/main" id="{C60C952E-1E61-4737-82E6-F975464D04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ADC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180000"/>
            <a:ext cx="8272213" cy="2188800"/>
          </a:xfrm>
        </p:spPr>
        <p:txBody>
          <a:bodyPr/>
          <a:lstStyle>
            <a:lvl1pPr>
              <a:lnSpc>
                <a:spcPct val="100000"/>
              </a:lnSpc>
              <a:defRPr sz="13800" spc="-400" baseline="0"/>
            </a:lvl1pPr>
          </a:lstStyle>
          <a:p>
            <a:r>
              <a:rPr lang="da-DK" dirty="0"/>
              <a:t>#Agenda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65BEE18E-2A34-4C34-A34C-8835D089F20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2620800"/>
            <a:ext cx="35244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3BD14F1C-EA64-43E9-8935-90993686E631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38000" y="2620800"/>
            <a:ext cx="35244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0E28813D-7F85-4D53-95E2-9AAE22580DC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6912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40000"/>
            <a:ext cx="9205200" cy="3432232"/>
          </a:xfrm>
        </p:spPr>
        <p:txBody>
          <a:bodyPr anchor="t" anchorCtr="0"/>
          <a:lstStyle>
            <a:lvl1pPr algn="l">
              <a:lnSpc>
                <a:spcPct val="70000"/>
              </a:lnSpc>
              <a:defRPr sz="8800" spc="-400" baseline="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F1E8F825-45D7-4C6F-BEDC-8795F445759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38226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F0C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40000"/>
            <a:ext cx="9205200" cy="3432232"/>
          </a:xfrm>
        </p:spPr>
        <p:txBody>
          <a:bodyPr anchor="t" anchorCtr="0"/>
          <a:lstStyle>
            <a:lvl1pPr algn="l">
              <a:lnSpc>
                <a:spcPct val="70000"/>
              </a:lnSpc>
              <a:defRPr sz="8800" spc="-400" baseline="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F1E8F825-45D7-4C6F-BEDC-8795F445759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762408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EF2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40000"/>
            <a:ext cx="9205200" cy="3432232"/>
          </a:xfrm>
        </p:spPr>
        <p:txBody>
          <a:bodyPr anchor="t" anchorCtr="0"/>
          <a:lstStyle>
            <a:lvl1pPr algn="l">
              <a:lnSpc>
                <a:spcPct val="70000"/>
              </a:lnSpc>
              <a:defRPr sz="8800" spc="-400" baseline="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F1E8F825-45D7-4C6F-BEDC-8795F445759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737811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ADC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40000"/>
            <a:ext cx="9205200" cy="3432232"/>
          </a:xfrm>
        </p:spPr>
        <p:txBody>
          <a:bodyPr anchor="t" anchorCtr="0"/>
          <a:lstStyle>
            <a:lvl1pPr algn="l">
              <a:lnSpc>
                <a:spcPct val="70000"/>
              </a:lnSpc>
              <a:defRPr sz="8800" spc="-400" baseline="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F1E8F825-45D7-4C6F-BEDC-8795F445759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879667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380716620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F0C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27380040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A7CE0ADF-88A7-4CDD-8AF6-DDCFFFF69D38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F0C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6CF409D0-4308-40EC-A95E-64455EB887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29387430-CFED-4C75-B4EF-9DF317FC635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2436624" y="0"/>
            <a:ext cx="9755376" cy="3400110"/>
          </a:xfrm>
          <a:custGeom>
            <a:avLst/>
            <a:gdLst>
              <a:gd name="connsiteX0" fmla="*/ 588850 w 9755376"/>
              <a:gd name="connsiteY0" fmla="*/ 0 h 3400110"/>
              <a:gd name="connsiteX1" fmla="*/ 9755376 w 9755376"/>
              <a:gd name="connsiteY1" fmla="*/ 0 h 3400110"/>
              <a:gd name="connsiteX2" fmla="*/ 9755376 w 9755376"/>
              <a:gd name="connsiteY2" fmla="*/ 1748990 h 3400110"/>
              <a:gd name="connsiteX3" fmla="*/ 9751774 w 9755376"/>
              <a:gd name="connsiteY3" fmla="*/ 1753079 h 3400110"/>
              <a:gd name="connsiteX4" fmla="*/ 7907767 w 9755376"/>
              <a:gd name="connsiteY4" fmla="*/ 2937409 h 3400110"/>
              <a:gd name="connsiteX5" fmla="*/ 5153064 w 9755376"/>
              <a:gd name="connsiteY5" fmla="*/ 3400080 h 3400110"/>
              <a:gd name="connsiteX6" fmla="*/ 0 w 9755376"/>
              <a:gd name="connsiteY6" fmla="*/ 3400080 h 34001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9755376" h="3400110">
                <a:moveTo>
                  <a:pt x="588850" y="0"/>
                </a:moveTo>
                <a:lnTo>
                  <a:pt x="9755376" y="0"/>
                </a:lnTo>
                <a:lnTo>
                  <a:pt x="9755376" y="1748990"/>
                </a:lnTo>
                <a:lnTo>
                  <a:pt x="9751774" y="1753079"/>
                </a:lnTo>
                <a:cubicBezTo>
                  <a:pt x="9674834" y="1839257"/>
                  <a:pt x="9024417" y="2541062"/>
                  <a:pt x="7907767" y="2937409"/>
                </a:cubicBezTo>
                <a:cubicBezTo>
                  <a:pt x="6569083" y="3412533"/>
                  <a:pt x="5153064" y="3400080"/>
                  <a:pt x="5153064" y="3400080"/>
                </a:cubicBezTo>
                <a:lnTo>
                  <a:pt x="0" y="340008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7200" y="3736800"/>
            <a:ext cx="8542800" cy="1778400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2436813" y="5515200"/>
            <a:ext cx="8524800" cy="396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1"/>
            </a:lvl1pPr>
            <a:lvl2pPr marL="0" indent="0" algn="l">
              <a:buFont typeface="Arial" panose="020B0604020202020204" pitchFamily="34" charset="0"/>
              <a:buChar char="​"/>
              <a:defRPr sz="1800" b="1"/>
            </a:lvl2pPr>
            <a:lvl3pPr marL="0" indent="0" algn="l">
              <a:buFont typeface="Arial" panose="020B0604020202020204" pitchFamily="34" charset="0"/>
              <a:buChar char="​"/>
              <a:defRPr sz="1800" b="1"/>
            </a:lvl3pPr>
            <a:lvl4pPr marL="0" indent="0" algn="l">
              <a:buFont typeface="Arial" panose="020B0604020202020204" pitchFamily="34" charset="0"/>
              <a:buChar char="​"/>
              <a:defRPr sz="1800" b="1"/>
            </a:lvl4pPr>
            <a:lvl5pPr marL="0" indent="0" algn="l">
              <a:buFont typeface="Arial" panose="020B0604020202020204" pitchFamily="34" charset="0"/>
              <a:buChar char="​"/>
              <a:defRPr sz="1800" b="1"/>
            </a:lvl5pPr>
            <a:lvl6pPr marL="0" indent="0" algn="l">
              <a:buFont typeface="Arial" panose="020B0604020202020204" pitchFamily="34" charset="0"/>
              <a:buChar char="​"/>
              <a:defRPr sz="1800" b="1"/>
            </a:lvl6pPr>
            <a:lvl7pPr marL="0" indent="0" algn="l">
              <a:buFont typeface="Arial" panose="020B0604020202020204" pitchFamily="34" charset="0"/>
              <a:buChar char="​"/>
              <a:defRPr sz="1800" b="1"/>
            </a:lvl7pPr>
            <a:lvl8pPr marL="0" indent="0" algn="l">
              <a:buFont typeface="Arial" panose="020B0604020202020204" pitchFamily="34" charset="0"/>
              <a:buChar char="​"/>
              <a:defRPr sz="1800" b="1"/>
            </a:lvl8pPr>
            <a:lvl9pPr marL="0" indent="0" algn="l">
              <a:buFont typeface="Arial" panose="020B0604020202020204" pitchFamily="34" charset="0"/>
              <a:buChar char="​"/>
              <a:defRPr sz="1800" b="1"/>
            </a:lvl9pPr>
          </a:lstStyle>
          <a:p>
            <a:r>
              <a:rPr lang="da-DK" dirty="0"/>
              <a:t>Klik for at tilføje undertitel</a:t>
            </a:r>
          </a:p>
        </p:txBody>
      </p:sp>
      <p:pic>
        <p:nvPicPr>
          <p:cNvPr id="17" name="Graphic 16" hidden="1">
            <a:extLst>
              <a:ext uri="{FF2B5EF4-FFF2-40B4-BE49-F238E27FC236}">
                <a16:creationId xmlns:a16="http://schemas.microsoft.com/office/drawing/2014/main" id="{DB03CC15-A487-4717-B880-A419B559346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 l="75564" t="36360" r="9913" b="42154"/>
          <a:stretch>
            <a:fillRect/>
          </a:stretch>
        </p:blipFill>
        <p:spPr>
          <a:xfrm>
            <a:off x="0" y="0"/>
            <a:ext cx="12192000" cy="6858001"/>
          </a:xfrm>
          <a:custGeom>
            <a:avLst/>
            <a:gdLst>
              <a:gd name="connsiteX0" fmla="*/ 253218 w 12192000"/>
              <a:gd name="connsiteY0" fmla="*/ 0 h 6858001"/>
              <a:gd name="connsiteX1" fmla="*/ 951207 w 12192000"/>
              <a:gd name="connsiteY1" fmla="*/ 0 h 6858001"/>
              <a:gd name="connsiteX2" fmla="*/ 2219862 w 12192000"/>
              <a:gd name="connsiteY2" fmla="*/ 0 h 6858001"/>
              <a:gd name="connsiteX3" fmla="*/ 12192000 w 12192000"/>
              <a:gd name="connsiteY3" fmla="*/ 0 h 6858001"/>
              <a:gd name="connsiteX4" fmla="*/ 12192000 w 12192000"/>
              <a:gd name="connsiteY4" fmla="*/ 6858001 h 6858001"/>
              <a:gd name="connsiteX5" fmla="*/ 951207 w 12192000"/>
              <a:gd name="connsiteY5" fmla="*/ 6858001 h 6858001"/>
              <a:gd name="connsiteX6" fmla="*/ 951207 w 12192000"/>
              <a:gd name="connsiteY6" fmla="*/ 6855021 h 6858001"/>
              <a:gd name="connsiteX7" fmla="*/ 419122 w 12192000"/>
              <a:gd name="connsiteY7" fmla="*/ 6855021 h 6858001"/>
              <a:gd name="connsiteX8" fmla="*/ 419122 w 12192000"/>
              <a:gd name="connsiteY8" fmla="*/ 6858001 h 6858001"/>
              <a:gd name="connsiteX9" fmla="*/ 0 w 12192000"/>
              <a:gd name="connsiteY9" fmla="*/ 6858001 h 6858001"/>
              <a:gd name="connsiteX10" fmla="*/ 0 w 12192000"/>
              <a:gd name="connsiteY10" fmla="*/ 1 h 6858001"/>
              <a:gd name="connsiteX11" fmla="*/ 253218 w 12192000"/>
              <a:gd name="connsiteY11" fmla="*/ 1 h 68580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6858001">
                <a:moveTo>
                  <a:pt x="253218" y="0"/>
                </a:moveTo>
                <a:lnTo>
                  <a:pt x="951207" y="0"/>
                </a:lnTo>
                <a:lnTo>
                  <a:pt x="2219862" y="0"/>
                </a:lnTo>
                <a:lnTo>
                  <a:pt x="12192000" y="0"/>
                </a:lnTo>
                <a:lnTo>
                  <a:pt x="12192000" y="6858001"/>
                </a:lnTo>
                <a:lnTo>
                  <a:pt x="951207" y="6858001"/>
                </a:lnTo>
                <a:lnTo>
                  <a:pt x="951207" y="6855021"/>
                </a:lnTo>
                <a:lnTo>
                  <a:pt x="419122" y="6855021"/>
                </a:lnTo>
                <a:lnTo>
                  <a:pt x="419122" y="6858001"/>
                </a:lnTo>
                <a:lnTo>
                  <a:pt x="0" y="6858001"/>
                </a:lnTo>
                <a:lnTo>
                  <a:pt x="0" y="1"/>
                </a:lnTo>
                <a:lnTo>
                  <a:pt x="253218" y="1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211550878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EF2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49502610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ADC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127666994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6E6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11113200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385794135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7322888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612800"/>
            <a:ext cx="6643439" cy="41724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  <p:sp>
        <p:nvSpPr>
          <p:cNvPr id="8" name="Picture Placeholder 17">
            <a:extLst>
              <a:ext uri="{FF2B5EF4-FFF2-40B4-BE49-F238E27FC236}">
                <a16:creationId xmlns:a16="http://schemas.microsoft.com/office/drawing/2014/main" id="{B7CE4741-260E-401E-A62C-F66F344E103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</p:spTree>
    <p:extLst>
      <p:ext uri="{BB962C8B-B14F-4D97-AF65-F5344CB8AC3E}">
        <p14:creationId xmlns:p14="http://schemas.microsoft.com/office/powerpoint/2010/main" val="374707897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med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96FD1F2E-E8B2-49AE-931B-667B8D7920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7322888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612800"/>
            <a:ext cx="6643439" cy="41724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  <p:sp>
        <p:nvSpPr>
          <p:cNvPr id="8" name="Picture Placeholder 17">
            <a:extLst>
              <a:ext uri="{FF2B5EF4-FFF2-40B4-BE49-F238E27FC236}">
                <a16:creationId xmlns:a16="http://schemas.microsoft.com/office/drawing/2014/main" id="{B7CE4741-260E-401E-A62C-F66F344E103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E5BB27D1-8E7E-4F04-9C40-C7FE5113239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51649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96FD1F2E-E8B2-49AE-931B-667B8D7920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F0C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7322888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612800"/>
            <a:ext cx="6643439" cy="41724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  <p:sp>
        <p:nvSpPr>
          <p:cNvPr id="8" name="Picture Placeholder 17">
            <a:extLst>
              <a:ext uri="{FF2B5EF4-FFF2-40B4-BE49-F238E27FC236}">
                <a16:creationId xmlns:a16="http://schemas.microsoft.com/office/drawing/2014/main" id="{B7CE4741-260E-401E-A62C-F66F344E103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E5BB27D1-8E7E-4F04-9C40-C7FE5113239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333453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med billed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96FD1F2E-E8B2-49AE-931B-667B8D7920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EF2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7322888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612800"/>
            <a:ext cx="6643439" cy="41724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  <p:sp>
        <p:nvSpPr>
          <p:cNvPr id="8" name="Picture Placeholder 17">
            <a:extLst>
              <a:ext uri="{FF2B5EF4-FFF2-40B4-BE49-F238E27FC236}">
                <a16:creationId xmlns:a16="http://schemas.microsoft.com/office/drawing/2014/main" id="{B7CE4741-260E-401E-A62C-F66F344E103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E5BB27D1-8E7E-4F04-9C40-C7FE5113239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299411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med billede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96FD1F2E-E8B2-49AE-931B-667B8D7920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ADC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7322888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612800"/>
            <a:ext cx="6643439" cy="41724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  <p:sp>
        <p:nvSpPr>
          <p:cNvPr id="8" name="Picture Placeholder 17">
            <a:extLst>
              <a:ext uri="{FF2B5EF4-FFF2-40B4-BE49-F238E27FC236}">
                <a16:creationId xmlns:a16="http://schemas.microsoft.com/office/drawing/2014/main" id="{B7CE4741-260E-401E-A62C-F66F344E103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E5BB27D1-8E7E-4F04-9C40-C7FE5113239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085340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indholdsplads med billede 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96FD1F2E-E8B2-49AE-931B-667B8D7920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6E6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7322888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612800"/>
            <a:ext cx="6643439" cy="41724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Text Placeholder note">
            <a:extLst>
              <a:ext uri="{FF2B5EF4-FFF2-40B4-BE49-F238E27FC236}">
                <a16:creationId xmlns:a16="http://schemas.microsoft.com/office/drawing/2014/main" id="{97FCD0FE-A111-4CE6-AE3F-F2623EAA50D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  <p:sp>
        <p:nvSpPr>
          <p:cNvPr id="8" name="Picture Placeholder 17">
            <a:extLst>
              <a:ext uri="{FF2B5EF4-FFF2-40B4-BE49-F238E27FC236}">
                <a16:creationId xmlns:a16="http://schemas.microsoft.com/office/drawing/2014/main" id="{B7CE4741-260E-401E-A62C-F66F344E103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E5BB27D1-8E7E-4F04-9C40-C7FE5113239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588170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pladser,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11113200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612800"/>
            <a:ext cx="5425200" cy="41724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28000" y="1612800"/>
            <a:ext cx="5425200" cy="41724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1" name="Text Placeholder note">
            <a:extLst>
              <a:ext uri="{FF2B5EF4-FFF2-40B4-BE49-F238E27FC236}">
                <a16:creationId xmlns:a16="http://schemas.microsoft.com/office/drawing/2014/main" id="{29FB449B-F380-4111-B8CB-6CC5D06E132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13709268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led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A7CE0ADF-88A7-4CDD-8AF6-DDCFFFF69D38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EF2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6CF409D0-4308-40EC-A95E-64455EB887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29387430-CFED-4C75-B4EF-9DF317FC635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2436624" y="0"/>
            <a:ext cx="9755376" cy="3400110"/>
          </a:xfrm>
          <a:custGeom>
            <a:avLst/>
            <a:gdLst>
              <a:gd name="connsiteX0" fmla="*/ 588850 w 9755376"/>
              <a:gd name="connsiteY0" fmla="*/ 0 h 3400110"/>
              <a:gd name="connsiteX1" fmla="*/ 9755376 w 9755376"/>
              <a:gd name="connsiteY1" fmla="*/ 0 h 3400110"/>
              <a:gd name="connsiteX2" fmla="*/ 9755376 w 9755376"/>
              <a:gd name="connsiteY2" fmla="*/ 1748990 h 3400110"/>
              <a:gd name="connsiteX3" fmla="*/ 9751774 w 9755376"/>
              <a:gd name="connsiteY3" fmla="*/ 1753079 h 3400110"/>
              <a:gd name="connsiteX4" fmla="*/ 7907767 w 9755376"/>
              <a:gd name="connsiteY4" fmla="*/ 2937409 h 3400110"/>
              <a:gd name="connsiteX5" fmla="*/ 5153064 w 9755376"/>
              <a:gd name="connsiteY5" fmla="*/ 3400080 h 3400110"/>
              <a:gd name="connsiteX6" fmla="*/ 0 w 9755376"/>
              <a:gd name="connsiteY6" fmla="*/ 3400080 h 34001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9755376" h="3400110">
                <a:moveTo>
                  <a:pt x="588850" y="0"/>
                </a:moveTo>
                <a:lnTo>
                  <a:pt x="9755376" y="0"/>
                </a:lnTo>
                <a:lnTo>
                  <a:pt x="9755376" y="1748990"/>
                </a:lnTo>
                <a:lnTo>
                  <a:pt x="9751774" y="1753079"/>
                </a:lnTo>
                <a:cubicBezTo>
                  <a:pt x="9674834" y="1839257"/>
                  <a:pt x="9024417" y="2541062"/>
                  <a:pt x="7907767" y="2937409"/>
                </a:cubicBezTo>
                <a:cubicBezTo>
                  <a:pt x="6569083" y="3412533"/>
                  <a:pt x="5153064" y="3400080"/>
                  <a:pt x="5153064" y="3400080"/>
                </a:cubicBezTo>
                <a:lnTo>
                  <a:pt x="0" y="340008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7200" y="3736800"/>
            <a:ext cx="8542800" cy="1778400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2436813" y="5515200"/>
            <a:ext cx="8524800" cy="396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1"/>
            </a:lvl1pPr>
            <a:lvl2pPr marL="0" indent="0" algn="l">
              <a:buFont typeface="Arial" panose="020B0604020202020204" pitchFamily="34" charset="0"/>
              <a:buChar char="​"/>
              <a:defRPr sz="1800" b="1"/>
            </a:lvl2pPr>
            <a:lvl3pPr marL="0" indent="0" algn="l">
              <a:buFont typeface="Arial" panose="020B0604020202020204" pitchFamily="34" charset="0"/>
              <a:buChar char="​"/>
              <a:defRPr sz="1800" b="1"/>
            </a:lvl3pPr>
            <a:lvl4pPr marL="0" indent="0" algn="l">
              <a:buFont typeface="Arial" panose="020B0604020202020204" pitchFamily="34" charset="0"/>
              <a:buChar char="​"/>
              <a:defRPr sz="1800" b="1"/>
            </a:lvl4pPr>
            <a:lvl5pPr marL="0" indent="0" algn="l">
              <a:buFont typeface="Arial" panose="020B0604020202020204" pitchFamily="34" charset="0"/>
              <a:buChar char="​"/>
              <a:defRPr sz="1800" b="1"/>
            </a:lvl5pPr>
            <a:lvl6pPr marL="0" indent="0" algn="l">
              <a:buFont typeface="Arial" panose="020B0604020202020204" pitchFamily="34" charset="0"/>
              <a:buChar char="​"/>
              <a:defRPr sz="1800" b="1"/>
            </a:lvl6pPr>
            <a:lvl7pPr marL="0" indent="0" algn="l">
              <a:buFont typeface="Arial" panose="020B0604020202020204" pitchFamily="34" charset="0"/>
              <a:buChar char="​"/>
              <a:defRPr sz="1800" b="1"/>
            </a:lvl7pPr>
            <a:lvl8pPr marL="0" indent="0" algn="l">
              <a:buFont typeface="Arial" panose="020B0604020202020204" pitchFamily="34" charset="0"/>
              <a:buChar char="​"/>
              <a:defRPr sz="1800" b="1"/>
            </a:lvl8pPr>
            <a:lvl9pPr marL="0" indent="0" algn="l">
              <a:buFont typeface="Arial" panose="020B0604020202020204" pitchFamily="34" charset="0"/>
              <a:buChar char="​"/>
              <a:defRPr sz="1800" b="1"/>
            </a:lvl9pPr>
          </a:lstStyle>
          <a:p>
            <a:r>
              <a:rPr lang="da-DK" dirty="0"/>
              <a:t>Klik for at tilføje undertitel</a:t>
            </a:r>
          </a:p>
        </p:txBody>
      </p:sp>
      <p:pic>
        <p:nvPicPr>
          <p:cNvPr id="17" name="Graphic 16" hidden="1">
            <a:extLst>
              <a:ext uri="{FF2B5EF4-FFF2-40B4-BE49-F238E27FC236}">
                <a16:creationId xmlns:a16="http://schemas.microsoft.com/office/drawing/2014/main" id="{DB03CC15-A487-4717-B880-A419B559346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 l="75564" t="36360" r="9913" b="42154"/>
          <a:stretch>
            <a:fillRect/>
          </a:stretch>
        </p:blipFill>
        <p:spPr>
          <a:xfrm>
            <a:off x="0" y="0"/>
            <a:ext cx="12192000" cy="6858001"/>
          </a:xfrm>
          <a:custGeom>
            <a:avLst/>
            <a:gdLst>
              <a:gd name="connsiteX0" fmla="*/ 253218 w 12192000"/>
              <a:gd name="connsiteY0" fmla="*/ 0 h 6858001"/>
              <a:gd name="connsiteX1" fmla="*/ 951207 w 12192000"/>
              <a:gd name="connsiteY1" fmla="*/ 0 h 6858001"/>
              <a:gd name="connsiteX2" fmla="*/ 2219862 w 12192000"/>
              <a:gd name="connsiteY2" fmla="*/ 0 h 6858001"/>
              <a:gd name="connsiteX3" fmla="*/ 12192000 w 12192000"/>
              <a:gd name="connsiteY3" fmla="*/ 0 h 6858001"/>
              <a:gd name="connsiteX4" fmla="*/ 12192000 w 12192000"/>
              <a:gd name="connsiteY4" fmla="*/ 6858001 h 6858001"/>
              <a:gd name="connsiteX5" fmla="*/ 951207 w 12192000"/>
              <a:gd name="connsiteY5" fmla="*/ 6858001 h 6858001"/>
              <a:gd name="connsiteX6" fmla="*/ 951207 w 12192000"/>
              <a:gd name="connsiteY6" fmla="*/ 6855021 h 6858001"/>
              <a:gd name="connsiteX7" fmla="*/ 419122 w 12192000"/>
              <a:gd name="connsiteY7" fmla="*/ 6855021 h 6858001"/>
              <a:gd name="connsiteX8" fmla="*/ 419122 w 12192000"/>
              <a:gd name="connsiteY8" fmla="*/ 6858001 h 6858001"/>
              <a:gd name="connsiteX9" fmla="*/ 0 w 12192000"/>
              <a:gd name="connsiteY9" fmla="*/ 6858001 h 6858001"/>
              <a:gd name="connsiteX10" fmla="*/ 0 w 12192000"/>
              <a:gd name="connsiteY10" fmla="*/ 1 h 6858001"/>
              <a:gd name="connsiteX11" fmla="*/ 253218 w 12192000"/>
              <a:gd name="connsiteY11" fmla="*/ 1 h 68580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6858001">
                <a:moveTo>
                  <a:pt x="253218" y="0"/>
                </a:moveTo>
                <a:lnTo>
                  <a:pt x="951207" y="0"/>
                </a:lnTo>
                <a:lnTo>
                  <a:pt x="2219862" y="0"/>
                </a:lnTo>
                <a:lnTo>
                  <a:pt x="12192000" y="0"/>
                </a:lnTo>
                <a:lnTo>
                  <a:pt x="12192000" y="6858001"/>
                </a:lnTo>
                <a:lnTo>
                  <a:pt x="951207" y="6858001"/>
                </a:lnTo>
                <a:lnTo>
                  <a:pt x="951207" y="6855021"/>
                </a:lnTo>
                <a:lnTo>
                  <a:pt x="419122" y="6855021"/>
                </a:lnTo>
                <a:lnTo>
                  <a:pt x="419122" y="6858001"/>
                </a:lnTo>
                <a:lnTo>
                  <a:pt x="0" y="6858001"/>
                </a:lnTo>
                <a:lnTo>
                  <a:pt x="0" y="1"/>
                </a:lnTo>
                <a:lnTo>
                  <a:pt x="253218" y="1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423648350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pladser,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11113200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612800"/>
            <a:ext cx="8272800" cy="41724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9082800" y="1612800"/>
            <a:ext cx="2570400" cy="41724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Enter &amp; TAB for næste tekst niveau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1" name="Text Placeholder note">
            <a:extLst>
              <a:ext uri="{FF2B5EF4-FFF2-40B4-BE49-F238E27FC236}">
                <a16:creationId xmlns:a16="http://schemas.microsoft.com/office/drawing/2014/main" id="{29FB449B-F380-4111-B8CB-6CC5D06E132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139351040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plads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11113200" cy="8064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612800"/>
            <a:ext cx="5425200" cy="41724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FFE1C44D-89EC-4C4E-B86F-F5A11556B02D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35200" y="1612800"/>
            <a:ext cx="2570400" cy="41724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  <a:endParaRPr lang="da-DK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4F38662-B2A0-40D9-88F7-79E3914812A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9082800" y="1612800"/>
            <a:ext cx="2570400" cy="41724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  <a:endParaRPr lang="da-DK" dirty="0"/>
          </a:p>
        </p:txBody>
      </p:sp>
      <p:sp>
        <p:nvSpPr>
          <p:cNvPr id="9" name="Text Placeholder note">
            <a:extLst>
              <a:ext uri="{FF2B5EF4-FFF2-40B4-BE49-F238E27FC236}">
                <a16:creationId xmlns:a16="http://schemas.microsoft.com/office/drawing/2014/main" id="{723B2206-AF4E-4066-9DFD-D5005DDF917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393390467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DCBCB9-EF2E-470C-9EE7-EF220DB3612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6" name="Text Placeholder note">
            <a:extLst>
              <a:ext uri="{FF2B5EF4-FFF2-40B4-BE49-F238E27FC236}">
                <a16:creationId xmlns:a16="http://schemas.microsoft.com/office/drawing/2014/main" id="{13772956-86FA-4CB4-8817-C37DD0D2808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note">
            <a:extLst>
              <a:ext uri="{FF2B5EF4-FFF2-40B4-BE49-F238E27FC236}">
                <a16:creationId xmlns:a16="http://schemas.microsoft.com/office/drawing/2014/main" id="{26100228-7156-4455-83F5-88BC0917113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2400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apport: 3 ind- holdspladser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5F8B4114-3ED6-4DA2-8C83-C6DE1E45CC5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2577600" cy="806400"/>
          </a:xfrm>
        </p:spPr>
        <p:txBody>
          <a:bodyPr/>
          <a:lstStyle>
            <a:lvl1pPr>
              <a:defRPr sz="20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612800"/>
            <a:ext cx="2577600" cy="41724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   Enter &amp; TAB for næste tekst niveau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387600" y="539750"/>
            <a:ext cx="5425200" cy="52488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Enter &amp; TAB for næste tekst niveau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725A8F3-C789-43A7-B9C7-C2E8AD06CA86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9082088" y="540000"/>
            <a:ext cx="2576538" cy="52488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          Enter &amp; TAB for næste tekst niveau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9" name="Text Placeholder note">
            <a:extLst>
              <a:ext uri="{FF2B5EF4-FFF2-40B4-BE49-F238E27FC236}">
                <a16:creationId xmlns:a16="http://schemas.microsoft.com/office/drawing/2014/main" id="{3230A35A-D734-402E-B8A4-0E92FEE66D9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240626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372553140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apport: 5 ind- holdsplads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4A490D34-535C-4BE8-BC2D-3F3666ED7C0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2576263" cy="2487600"/>
          </a:xfrm>
        </p:spPr>
        <p:txBody>
          <a:bodyPr/>
          <a:lstStyle>
            <a:lvl1pPr>
              <a:defRPr sz="20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6444" y="3294000"/>
            <a:ext cx="2577600" cy="24912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         Enter &amp; TAB for næste tekst niveau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387600" y="540000"/>
            <a:ext cx="5425200" cy="24876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Enter &amp; TAB for næste tekst niveau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173555-621B-4368-85A5-D9E165C763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3387600" y="3286800"/>
            <a:ext cx="5425200" cy="24912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Enter &amp; TAB for næste tekst niveau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0F68EC61-8561-4994-8A68-09675655FE31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82800" y="540000"/>
            <a:ext cx="2577600" cy="24876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         Enter &amp; TAB for næste tekst niveau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180BF4E0-B153-411A-B8D8-A592C7C565F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82800" y="3294000"/>
            <a:ext cx="2577600" cy="24912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         Enter &amp; TAB for næste tekst niveau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9" name="Text Placeholder note">
            <a:extLst>
              <a:ext uri="{FF2B5EF4-FFF2-40B4-BE49-F238E27FC236}">
                <a16:creationId xmlns:a16="http://schemas.microsoft.com/office/drawing/2014/main" id="{548BA51E-E79A-48A0-B337-D90E5C46CCB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240626" y="6332538"/>
            <a:ext cx="5418000" cy="273462"/>
          </a:xfrm>
        </p:spPr>
        <p:txBody>
          <a:bodyPr anchor="b" anchorCtr="0"/>
          <a:lstStyle>
            <a:lvl1pPr marL="0" indent="0" algn="r">
              <a:spcAft>
                <a:spcPts val="300"/>
              </a:spcAft>
              <a:buFont typeface="Arial" panose="020B0604020202020204" pitchFamily="34" charset="0"/>
              <a:buNone/>
              <a:defRPr sz="90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</p:spTree>
    <p:extLst>
      <p:ext uri="{BB962C8B-B14F-4D97-AF65-F5344CB8AC3E}">
        <p14:creationId xmlns:p14="http://schemas.microsoft.com/office/powerpoint/2010/main" val="28448064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991">
          <p15:clr>
            <a:srgbClr val="FBAE40"/>
          </p15:clr>
        </p15:guide>
        <p15:guide id="2" orient="horz" pos="2215">
          <p15:clr>
            <a:srgbClr val="FBAE40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d med holdning 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072800"/>
            <a:ext cx="11109600" cy="2520000"/>
          </a:xfrm>
        </p:spPr>
        <p:txBody>
          <a:bodyPr anchor="t" anchorCtr="0"/>
          <a:lstStyle>
            <a:lvl1pPr algn="r">
              <a:lnSpc>
                <a:spcPct val="70000"/>
              </a:lnSpc>
              <a:defRPr sz="19900" spc="-900" baseline="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Tilføj tekst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F1E8F825-45D7-4C6F-BEDC-8795F445759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2219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d med holdning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F0C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072800"/>
            <a:ext cx="11109600" cy="2520000"/>
          </a:xfrm>
        </p:spPr>
        <p:txBody>
          <a:bodyPr anchor="t" anchorCtr="0"/>
          <a:lstStyle>
            <a:lvl1pPr algn="r">
              <a:lnSpc>
                <a:spcPct val="70000"/>
              </a:lnSpc>
              <a:defRPr sz="19900" spc="-900" baseline="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Tilføj tekst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F1E8F825-45D7-4C6F-BEDC-8795F445759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12183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d med holdning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EF2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072800"/>
            <a:ext cx="11109600" cy="2520000"/>
          </a:xfrm>
        </p:spPr>
        <p:txBody>
          <a:bodyPr anchor="t" anchorCtr="0"/>
          <a:lstStyle>
            <a:lvl1pPr algn="r">
              <a:lnSpc>
                <a:spcPct val="70000"/>
              </a:lnSpc>
              <a:defRPr sz="19900" spc="-900" baseline="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Tilføj tekst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F1E8F825-45D7-4C6F-BEDC-8795F445759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457809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d med holdning 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ADC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072800"/>
            <a:ext cx="11109600" cy="2520000"/>
          </a:xfrm>
        </p:spPr>
        <p:txBody>
          <a:bodyPr anchor="t" anchorCtr="0"/>
          <a:lstStyle>
            <a:lvl1pPr algn="r">
              <a:lnSpc>
                <a:spcPct val="70000"/>
              </a:lnSpc>
              <a:defRPr sz="19900" spc="-900" baseline="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Tilføj tekst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F1E8F825-45D7-4C6F-BEDC-8795F445759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286534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lede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A7CE0ADF-88A7-4CDD-8AF6-DDCFFFF69D38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ADC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6CF409D0-4308-40EC-A95E-64455EB887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29387430-CFED-4C75-B4EF-9DF317FC635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2436624" y="0"/>
            <a:ext cx="9755376" cy="3400110"/>
          </a:xfrm>
          <a:custGeom>
            <a:avLst/>
            <a:gdLst>
              <a:gd name="connsiteX0" fmla="*/ 588850 w 9755376"/>
              <a:gd name="connsiteY0" fmla="*/ 0 h 3400110"/>
              <a:gd name="connsiteX1" fmla="*/ 9755376 w 9755376"/>
              <a:gd name="connsiteY1" fmla="*/ 0 h 3400110"/>
              <a:gd name="connsiteX2" fmla="*/ 9755376 w 9755376"/>
              <a:gd name="connsiteY2" fmla="*/ 1748990 h 3400110"/>
              <a:gd name="connsiteX3" fmla="*/ 9751774 w 9755376"/>
              <a:gd name="connsiteY3" fmla="*/ 1753079 h 3400110"/>
              <a:gd name="connsiteX4" fmla="*/ 7907767 w 9755376"/>
              <a:gd name="connsiteY4" fmla="*/ 2937409 h 3400110"/>
              <a:gd name="connsiteX5" fmla="*/ 5153064 w 9755376"/>
              <a:gd name="connsiteY5" fmla="*/ 3400080 h 3400110"/>
              <a:gd name="connsiteX6" fmla="*/ 0 w 9755376"/>
              <a:gd name="connsiteY6" fmla="*/ 3400080 h 34001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9755376" h="3400110">
                <a:moveTo>
                  <a:pt x="588850" y="0"/>
                </a:moveTo>
                <a:lnTo>
                  <a:pt x="9755376" y="0"/>
                </a:lnTo>
                <a:lnTo>
                  <a:pt x="9755376" y="1748990"/>
                </a:lnTo>
                <a:lnTo>
                  <a:pt x="9751774" y="1753079"/>
                </a:lnTo>
                <a:cubicBezTo>
                  <a:pt x="9674834" y="1839257"/>
                  <a:pt x="9024417" y="2541062"/>
                  <a:pt x="7907767" y="2937409"/>
                </a:cubicBezTo>
                <a:cubicBezTo>
                  <a:pt x="6569083" y="3412533"/>
                  <a:pt x="5153064" y="3400080"/>
                  <a:pt x="5153064" y="3400080"/>
                </a:cubicBezTo>
                <a:lnTo>
                  <a:pt x="0" y="340008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0" rIns="0">
            <a:noAutofit/>
          </a:bodyPr>
          <a:lstStyle>
            <a:lvl1pPr marL="0" indent="0" algn="ctr">
              <a:spcAft>
                <a:spcPts val="0"/>
              </a:spcAft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7200" y="3736800"/>
            <a:ext cx="8542800" cy="1778400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2436813" y="5515200"/>
            <a:ext cx="8524800" cy="396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1"/>
            </a:lvl1pPr>
            <a:lvl2pPr marL="0" indent="0" algn="l">
              <a:buFont typeface="Arial" panose="020B0604020202020204" pitchFamily="34" charset="0"/>
              <a:buChar char="​"/>
              <a:defRPr sz="1800" b="1"/>
            </a:lvl2pPr>
            <a:lvl3pPr marL="0" indent="0" algn="l">
              <a:buFont typeface="Arial" panose="020B0604020202020204" pitchFamily="34" charset="0"/>
              <a:buChar char="​"/>
              <a:defRPr sz="1800" b="1"/>
            </a:lvl3pPr>
            <a:lvl4pPr marL="0" indent="0" algn="l">
              <a:buFont typeface="Arial" panose="020B0604020202020204" pitchFamily="34" charset="0"/>
              <a:buChar char="​"/>
              <a:defRPr sz="1800" b="1"/>
            </a:lvl4pPr>
            <a:lvl5pPr marL="0" indent="0" algn="l">
              <a:buFont typeface="Arial" panose="020B0604020202020204" pitchFamily="34" charset="0"/>
              <a:buChar char="​"/>
              <a:defRPr sz="1800" b="1"/>
            </a:lvl5pPr>
            <a:lvl6pPr marL="0" indent="0" algn="l">
              <a:buFont typeface="Arial" panose="020B0604020202020204" pitchFamily="34" charset="0"/>
              <a:buChar char="​"/>
              <a:defRPr sz="1800" b="1"/>
            </a:lvl6pPr>
            <a:lvl7pPr marL="0" indent="0" algn="l">
              <a:buFont typeface="Arial" panose="020B0604020202020204" pitchFamily="34" charset="0"/>
              <a:buChar char="​"/>
              <a:defRPr sz="1800" b="1"/>
            </a:lvl7pPr>
            <a:lvl8pPr marL="0" indent="0" algn="l">
              <a:buFont typeface="Arial" panose="020B0604020202020204" pitchFamily="34" charset="0"/>
              <a:buChar char="​"/>
              <a:defRPr sz="1800" b="1"/>
            </a:lvl8pPr>
            <a:lvl9pPr marL="0" indent="0" algn="l">
              <a:buFont typeface="Arial" panose="020B0604020202020204" pitchFamily="34" charset="0"/>
              <a:buChar char="​"/>
              <a:defRPr sz="1800" b="1"/>
            </a:lvl9pPr>
          </a:lstStyle>
          <a:p>
            <a:r>
              <a:rPr lang="da-DK" dirty="0"/>
              <a:t>Klik for at tilføje undertitel</a:t>
            </a:r>
          </a:p>
        </p:txBody>
      </p:sp>
      <p:pic>
        <p:nvPicPr>
          <p:cNvPr id="17" name="Graphic 16" hidden="1">
            <a:extLst>
              <a:ext uri="{FF2B5EF4-FFF2-40B4-BE49-F238E27FC236}">
                <a16:creationId xmlns:a16="http://schemas.microsoft.com/office/drawing/2014/main" id="{DB03CC15-A487-4717-B880-A419B559346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 l="75564" t="36360" r="9913" b="42154"/>
          <a:stretch>
            <a:fillRect/>
          </a:stretch>
        </p:blipFill>
        <p:spPr>
          <a:xfrm>
            <a:off x="0" y="0"/>
            <a:ext cx="12192000" cy="6858001"/>
          </a:xfrm>
          <a:custGeom>
            <a:avLst/>
            <a:gdLst>
              <a:gd name="connsiteX0" fmla="*/ 253218 w 12192000"/>
              <a:gd name="connsiteY0" fmla="*/ 0 h 6858001"/>
              <a:gd name="connsiteX1" fmla="*/ 951207 w 12192000"/>
              <a:gd name="connsiteY1" fmla="*/ 0 h 6858001"/>
              <a:gd name="connsiteX2" fmla="*/ 2219862 w 12192000"/>
              <a:gd name="connsiteY2" fmla="*/ 0 h 6858001"/>
              <a:gd name="connsiteX3" fmla="*/ 12192000 w 12192000"/>
              <a:gd name="connsiteY3" fmla="*/ 0 h 6858001"/>
              <a:gd name="connsiteX4" fmla="*/ 12192000 w 12192000"/>
              <a:gd name="connsiteY4" fmla="*/ 6858001 h 6858001"/>
              <a:gd name="connsiteX5" fmla="*/ 951207 w 12192000"/>
              <a:gd name="connsiteY5" fmla="*/ 6858001 h 6858001"/>
              <a:gd name="connsiteX6" fmla="*/ 951207 w 12192000"/>
              <a:gd name="connsiteY6" fmla="*/ 6855021 h 6858001"/>
              <a:gd name="connsiteX7" fmla="*/ 419122 w 12192000"/>
              <a:gd name="connsiteY7" fmla="*/ 6855021 h 6858001"/>
              <a:gd name="connsiteX8" fmla="*/ 419122 w 12192000"/>
              <a:gd name="connsiteY8" fmla="*/ 6858001 h 6858001"/>
              <a:gd name="connsiteX9" fmla="*/ 0 w 12192000"/>
              <a:gd name="connsiteY9" fmla="*/ 6858001 h 6858001"/>
              <a:gd name="connsiteX10" fmla="*/ 0 w 12192000"/>
              <a:gd name="connsiteY10" fmla="*/ 1 h 6858001"/>
              <a:gd name="connsiteX11" fmla="*/ 253218 w 12192000"/>
              <a:gd name="connsiteY11" fmla="*/ 1 h 68580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6858001">
                <a:moveTo>
                  <a:pt x="253218" y="0"/>
                </a:moveTo>
                <a:lnTo>
                  <a:pt x="951207" y="0"/>
                </a:lnTo>
                <a:lnTo>
                  <a:pt x="2219862" y="0"/>
                </a:lnTo>
                <a:lnTo>
                  <a:pt x="12192000" y="0"/>
                </a:lnTo>
                <a:lnTo>
                  <a:pt x="12192000" y="6858001"/>
                </a:lnTo>
                <a:lnTo>
                  <a:pt x="951207" y="6858001"/>
                </a:lnTo>
                <a:lnTo>
                  <a:pt x="951207" y="6855021"/>
                </a:lnTo>
                <a:lnTo>
                  <a:pt x="419122" y="6855021"/>
                </a:lnTo>
                <a:lnTo>
                  <a:pt x="419122" y="6858001"/>
                </a:lnTo>
                <a:lnTo>
                  <a:pt x="0" y="6858001"/>
                </a:lnTo>
                <a:lnTo>
                  <a:pt x="0" y="1"/>
                </a:lnTo>
                <a:lnTo>
                  <a:pt x="253218" y="1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2804317852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D8AA462F-029A-4B7D-B09A-1FD1DC9AE3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93CC08A-F710-47AC-A0BB-2680F4EBB972}" type="datetime3">
              <a:rPr lang="da-DK" smtClean="0"/>
              <a:t>27.01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8328CEA1-B0CA-426E-BBB4-2B5752F97E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A74E72AF-D29C-4517-9B94-62E296DFC5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0" tIns="0" rIns="72000" bIns="72000" anchor="b" anchorCtr="0"/>
          <a:lstStyle>
            <a:lvl1pPr marL="0" indent="0" algn="r">
              <a:buNone/>
              <a:defRPr sz="1600"/>
            </a:lvl1pPr>
          </a:lstStyle>
          <a:p>
            <a:r>
              <a:rPr lang="da-DK" noProof="0" dirty="0"/>
              <a:t>Klik på rammen for at indsætte et billede via Templafy</a:t>
            </a:r>
          </a:p>
        </p:txBody>
      </p:sp>
      <p:sp>
        <p:nvSpPr>
          <p:cNvPr id="8" name="Logo Placeholder  &amp;"/>
          <p:cNvSpPr>
            <a:spLocks noGrp="1"/>
          </p:cNvSpPr>
          <p:nvPr>
            <p:ph type="body" sz="quarter" idx="14" hasCustomPrompt="1"/>
          </p:nvPr>
        </p:nvSpPr>
        <p:spPr>
          <a:xfrm>
            <a:off x="442800" y="478800"/>
            <a:ext cx="4406400" cy="3970800"/>
          </a:xfrm>
          <a:blipFill dpi="0" rotWithShape="1">
            <a:blip r:embed="rId2">
              <a:alphaModFix amt="30000"/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AA1FC40-0E07-46B2-80F9-1324562DE66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16800" y="1072800"/>
            <a:ext cx="4910400" cy="2757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1473848084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bokse med &amp;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15" name="Freeform: Shape 14">
            <a:extLst>
              <a:ext uri="{FF2B5EF4-FFF2-40B4-BE49-F238E27FC236}">
                <a16:creationId xmlns:a16="http://schemas.microsoft.com/office/drawing/2014/main" id="{71ACD42C-3FF8-44CE-A682-1B201A97EB4D}"/>
              </a:ext>
            </a:extLst>
          </p:cNvPr>
          <p:cNvSpPr/>
          <p:nvPr userDrawn="1"/>
        </p:nvSpPr>
        <p:spPr>
          <a:xfrm>
            <a:off x="5297180" y="2342364"/>
            <a:ext cx="1522178" cy="1372654"/>
          </a:xfrm>
          <a:custGeom>
            <a:avLst/>
            <a:gdLst>
              <a:gd name="connsiteX0" fmla="*/ 1522178 w 1522178"/>
              <a:gd name="connsiteY0" fmla="*/ 248270 h 1372654"/>
              <a:gd name="connsiteX1" fmla="*/ 1278171 w 1522178"/>
              <a:gd name="connsiteY1" fmla="*/ 33700 h 1372654"/>
              <a:gd name="connsiteX2" fmla="*/ 1120908 w 1522178"/>
              <a:gd name="connsiteY2" fmla="*/ 67642 h 1372654"/>
              <a:gd name="connsiteX3" fmla="*/ 1105113 w 1522178"/>
              <a:gd name="connsiteY3" fmla="*/ 157220 h 1372654"/>
              <a:gd name="connsiteX4" fmla="*/ 1263435 w 1522178"/>
              <a:gd name="connsiteY4" fmla="*/ 254583 h 1372654"/>
              <a:gd name="connsiteX5" fmla="*/ 1014906 w 1522178"/>
              <a:gd name="connsiteY5" fmla="*/ 513730 h 1372654"/>
              <a:gd name="connsiteX6" fmla="*/ 776824 w 1522178"/>
              <a:gd name="connsiteY6" fmla="*/ 654646 h 1372654"/>
              <a:gd name="connsiteX7" fmla="*/ 623316 w 1522178"/>
              <a:gd name="connsiteY7" fmla="*/ 833630 h 1372654"/>
              <a:gd name="connsiteX8" fmla="*/ 645726 w 1522178"/>
              <a:gd name="connsiteY8" fmla="*/ 892883 h 1372654"/>
              <a:gd name="connsiteX9" fmla="*/ 728439 w 1522178"/>
              <a:gd name="connsiteY9" fmla="*/ 892883 h 1372654"/>
              <a:gd name="connsiteX10" fmla="*/ 840057 w 1522178"/>
              <a:gd name="connsiteY10" fmla="*/ 762000 h 1372654"/>
              <a:gd name="connsiteX11" fmla="*/ 953896 w 1522178"/>
              <a:gd name="connsiteY11" fmla="*/ 911589 h 1372654"/>
              <a:gd name="connsiteX12" fmla="*/ 581150 w 1522178"/>
              <a:gd name="connsiteY12" fmla="*/ 1286591 h 1372654"/>
              <a:gd name="connsiteX13" fmla="*/ 281911 w 1522178"/>
              <a:gd name="connsiteY13" fmla="*/ 983218 h 1372654"/>
              <a:gd name="connsiteX14" fmla="*/ 586197 w 1522178"/>
              <a:gd name="connsiteY14" fmla="*/ 644570 h 1372654"/>
              <a:gd name="connsiteX15" fmla="*/ 597401 w 1522178"/>
              <a:gd name="connsiteY15" fmla="*/ 581010 h 1372654"/>
              <a:gd name="connsiteX16" fmla="*/ 463004 w 1522178"/>
              <a:gd name="connsiteY16" fmla="*/ 330441 h 1372654"/>
              <a:gd name="connsiteX17" fmla="*/ 633815 w 1522178"/>
              <a:gd name="connsiteY17" fmla="*/ 81861 h 1372654"/>
              <a:gd name="connsiteX18" fmla="*/ 736768 w 1522178"/>
              <a:gd name="connsiteY18" fmla="*/ 235670 h 1372654"/>
              <a:gd name="connsiteX19" fmla="*/ 842158 w 1522178"/>
              <a:gd name="connsiteY19" fmla="*/ 366269 h 1372654"/>
              <a:gd name="connsiteX20" fmla="*/ 991782 w 1522178"/>
              <a:gd name="connsiteY20" fmla="*/ 201944 h 1372654"/>
              <a:gd name="connsiteX21" fmla="*/ 675809 w 1522178"/>
              <a:gd name="connsiteY21" fmla="*/ 0 h 1372654"/>
              <a:gd name="connsiteX22" fmla="*/ 202160 w 1522178"/>
              <a:gd name="connsiteY22" fmla="*/ 345203 h 1372654"/>
              <a:gd name="connsiteX23" fmla="*/ 359931 w 1522178"/>
              <a:gd name="connsiteY23" fmla="*/ 591698 h 1372654"/>
              <a:gd name="connsiteX24" fmla="*/ 0 w 1522178"/>
              <a:gd name="connsiteY24" fmla="*/ 962170 h 1372654"/>
              <a:gd name="connsiteX25" fmla="*/ 566414 w 1522178"/>
              <a:gd name="connsiteY25" fmla="*/ 1372654 h 1372654"/>
              <a:gd name="connsiteX26" fmla="*/ 1235815 w 1522178"/>
              <a:gd name="connsiteY26" fmla="*/ 941104 h 1372654"/>
              <a:gd name="connsiteX27" fmla="*/ 983359 w 1522178"/>
              <a:gd name="connsiteY27" fmla="*/ 696976 h 1372654"/>
              <a:gd name="connsiteX28" fmla="*/ 1522178 w 1522178"/>
              <a:gd name="connsiteY28" fmla="*/ 248270 h 1372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</a:cxnLst>
            <a:rect l="l" t="t" r="r" b="b"/>
            <a:pathLst>
              <a:path w="1522178" h="1372654">
                <a:moveTo>
                  <a:pt x="1522178" y="248270"/>
                </a:moveTo>
                <a:cubicBezTo>
                  <a:pt x="1522178" y="105114"/>
                  <a:pt x="1402267" y="33700"/>
                  <a:pt x="1278171" y="33700"/>
                </a:cubicBezTo>
                <a:cubicBezTo>
                  <a:pt x="1223964" y="33951"/>
                  <a:pt x="1170395" y="45512"/>
                  <a:pt x="1120908" y="67642"/>
                </a:cubicBezTo>
                <a:lnTo>
                  <a:pt x="1105113" y="157220"/>
                </a:lnTo>
                <a:cubicBezTo>
                  <a:pt x="1206972" y="124802"/>
                  <a:pt x="1263435" y="170836"/>
                  <a:pt x="1263435" y="254583"/>
                </a:cubicBezTo>
                <a:cubicBezTo>
                  <a:pt x="1263435" y="374683"/>
                  <a:pt x="1141130" y="437898"/>
                  <a:pt x="1014906" y="513730"/>
                </a:cubicBezTo>
                <a:lnTo>
                  <a:pt x="776824" y="654646"/>
                </a:lnTo>
                <a:cubicBezTo>
                  <a:pt x="707305" y="699078"/>
                  <a:pt x="623316" y="747316"/>
                  <a:pt x="623316" y="833630"/>
                </a:cubicBezTo>
                <a:cubicBezTo>
                  <a:pt x="623867" y="855347"/>
                  <a:pt x="631765" y="876235"/>
                  <a:pt x="645726" y="892883"/>
                </a:cubicBezTo>
                <a:lnTo>
                  <a:pt x="728439" y="892883"/>
                </a:lnTo>
                <a:cubicBezTo>
                  <a:pt x="707632" y="833957"/>
                  <a:pt x="753596" y="762000"/>
                  <a:pt x="840057" y="762000"/>
                </a:cubicBezTo>
                <a:cubicBezTo>
                  <a:pt x="920178" y="762000"/>
                  <a:pt x="953896" y="827308"/>
                  <a:pt x="953896" y="911589"/>
                </a:cubicBezTo>
                <a:cubicBezTo>
                  <a:pt x="953896" y="1118054"/>
                  <a:pt x="808440" y="1286591"/>
                  <a:pt x="581150" y="1286591"/>
                </a:cubicBezTo>
                <a:cubicBezTo>
                  <a:pt x="370429" y="1286591"/>
                  <a:pt x="281911" y="1141205"/>
                  <a:pt x="281911" y="983218"/>
                </a:cubicBezTo>
                <a:cubicBezTo>
                  <a:pt x="281911" y="802513"/>
                  <a:pt x="409332" y="644820"/>
                  <a:pt x="586197" y="644570"/>
                </a:cubicBezTo>
                <a:lnTo>
                  <a:pt x="597401" y="581010"/>
                </a:lnTo>
                <a:cubicBezTo>
                  <a:pt x="492433" y="525633"/>
                  <a:pt x="463004" y="415247"/>
                  <a:pt x="463004" y="330441"/>
                </a:cubicBezTo>
                <a:cubicBezTo>
                  <a:pt x="463004" y="214595"/>
                  <a:pt x="515738" y="81861"/>
                  <a:pt x="633815" y="81861"/>
                </a:cubicBezTo>
                <a:cubicBezTo>
                  <a:pt x="719904" y="81861"/>
                  <a:pt x="743080" y="168243"/>
                  <a:pt x="736768" y="235670"/>
                </a:cubicBezTo>
                <a:cubicBezTo>
                  <a:pt x="728319" y="317815"/>
                  <a:pt x="774697" y="366269"/>
                  <a:pt x="842158" y="366269"/>
                </a:cubicBezTo>
                <a:cubicBezTo>
                  <a:pt x="930694" y="366269"/>
                  <a:pt x="991782" y="290436"/>
                  <a:pt x="991782" y="201944"/>
                </a:cubicBezTo>
                <a:cubicBezTo>
                  <a:pt x="991782" y="75574"/>
                  <a:pt x="863258" y="0"/>
                  <a:pt x="675809" y="0"/>
                </a:cubicBezTo>
                <a:cubicBezTo>
                  <a:pt x="427245" y="0"/>
                  <a:pt x="202160" y="132424"/>
                  <a:pt x="202160" y="345203"/>
                </a:cubicBezTo>
                <a:cubicBezTo>
                  <a:pt x="202160" y="461074"/>
                  <a:pt x="265272" y="570632"/>
                  <a:pt x="359931" y="591698"/>
                </a:cubicBezTo>
                <a:cubicBezTo>
                  <a:pt x="170423" y="591698"/>
                  <a:pt x="0" y="764153"/>
                  <a:pt x="0" y="962170"/>
                </a:cubicBezTo>
                <a:cubicBezTo>
                  <a:pt x="0" y="1212860"/>
                  <a:pt x="258760" y="1372654"/>
                  <a:pt x="566414" y="1372654"/>
                </a:cubicBezTo>
                <a:cubicBezTo>
                  <a:pt x="884324" y="1372654"/>
                  <a:pt x="1235815" y="1210750"/>
                  <a:pt x="1235815" y="941104"/>
                </a:cubicBezTo>
                <a:cubicBezTo>
                  <a:pt x="1235815" y="816766"/>
                  <a:pt x="1166382" y="717948"/>
                  <a:pt x="983359" y="696976"/>
                </a:cubicBezTo>
                <a:cubicBezTo>
                  <a:pt x="1191616" y="612670"/>
                  <a:pt x="1522178" y="488453"/>
                  <a:pt x="1522178" y="248270"/>
                </a:cubicBezTo>
              </a:path>
            </a:pathLst>
          </a:custGeom>
          <a:solidFill>
            <a:srgbClr val="26355D"/>
          </a:solidFill>
          <a:ln w="4121" cap="flat">
            <a:noFill/>
            <a:prstDash val="solid"/>
            <a:miter/>
          </a:ln>
        </p:spPr>
        <p:txBody>
          <a:bodyPr rtlCol="0" anchor="ctr"/>
          <a:lstStyle/>
          <a:p>
            <a:endParaRPr lang="da-DK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441FFB4-2A74-453F-BB64-C0812F0C97F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3600" y="1612800"/>
            <a:ext cx="4572000" cy="1522800"/>
          </a:xfrm>
        </p:spPr>
        <p:txBody>
          <a:bodyPr anchor="b" anchorCtr="0"/>
          <a:lstStyle>
            <a:lvl1pPr marL="0" indent="0" algn="r">
              <a:lnSpc>
                <a:spcPct val="90000"/>
              </a:lnSpc>
              <a:buNone/>
              <a:defRPr sz="6600"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F1C2DC58-5A8A-4B0D-AE01-7E6147E37E6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796800" y="2948400"/>
            <a:ext cx="4852800" cy="2566800"/>
          </a:xfrm>
        </p:spPr>
        <p:txBody>
          <a:bodyPr/>
          <a:lstStyle>
            <a:lvl1pPr marL="0" indent="0">
              <a:lnSpc>
                <a:spcPct val="90000"/>
              </a:lnSpc>
              <a:buNone/>
              <a:defRPr sz="6600"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Tilføj tekst</a:t>
            </a:r>
          </a:p>
        </p:txBody>
      </p:sp>
    </p:spTree>
    <p:extLst>
      <p:ext uri="{BB962C8B-B14F-4D97-AF65-F5344CB8AC3E}">
        <p14:creationId xmlns:p14="http://schemas.microsoft.com/office/powerpoint/2010/main" val="2905680766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ckground">
            <a:extLst>
              <a:ext uri="{FF2B5EF4-FFF2-40B4-BE49-F238E27FC236}">
                <a16:creationId xmlns:a16="http://schemas.microsoft.com/office/drawing/2014/main" id="{4E988DFA-5E1C-4CEA-9425-7BF06FEE7B0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6E6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F6FBC92A-AFF0-4A16-8B49-33F5BF1B82C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766167BD-2E1B-4064-9794-6E830821650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50" y="1072800"/>
            <a:ext cx="7322400" cy="3308400"/>
          </a:xfrm>
        </p:spPr>
        <p:txBody>
          <a:bodyPr/>
          <a:lstStyle>
            <a:lvl1pPr marL="0" indent="0">
              <a:lnSpc>
                <a:spcPct val="83000"/>
              </a:lnSpc>
              <a:buFont typeface="Arial" panose="020B0604020202020204" pitchFamily="34" charset="0"/>
              <a:buNone/>
              <a:defRPr sz="8000" b="1"/>
            </a:lvl1pPr>
            <a:lvl2pPr marL="0" indent="0">
              <a:buFont typeface="Arial" panose="020B0604020202020204" pitchFamily="34" charset="0"/>
              <a:buChar char="​"/>
              <a:defRPr sz="1400"/>
            </a:lvl2pPr>
            <a:lvl3pPr marL="0" indent="0">
              <a:buFont typeface="Arial" panose="020B0604020202020204" pitchFamily="34" charset="0"/>
              <a:buChar char="​"/>
              <a:defRPr sz="4400"/>
            </a:lvl3pPr>
            <a:lvl4pPr>
              <a:defRPr sz="1400" b="0"/>
            </a:lvl4pPr>
            <a:lvl5pPr>
              <a:defRPr sz="4400"/>
            </a:lvl5pPr>
            <a:lvl6pPr marL="0" indent="0">
              <a:buFont typeface="Arial" panose="020B0604020202020204" pitchFamily="34" charset="0"/>
              <a:buChar char="​"/>
              <a:defRPr sz="1400"/>
            </a:lvl6pPr>
          </a:lstStyle>
          <a:p>
            <a:pPr lvl="0"/>
            <a:r>
              <a:rPr lang="da-DK" dirty="0"/>
              <a:t>Klik for at tilføje citat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4ACA8F95-58C1-4D94-92A2-41A95820C59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40000" y="5040000"/>
            <a:ext cx="7322400" cy="475200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buFont typeface="Arial" panose="020B0604020202020204" pitchFamily="34" charset="0"/>
              <a:buNone/>
              <a:defRPr sz="2000" b="0"/>
            </a:lvl1pPr>
            <a:lvl2pPr marL="0" indent="0">
              <a:buFont typeface="Arial" panose="020B0604020202020204" pitchFamily="34" charset="0"/>
              <a:buChar char="​"/>
              <a:defRPr sz="1400"/>
            </a:lvl2pPr>
            <a:lvl3pPr marL="0" indent="0">
              <a:buFont typeface="Arial" panose="020B0604020202020204" pitchFamily="34" charset="0"/>
              <a:buChar char="​"/>
              <a:defRPr sz="4400"/>
            </a:lvl3pPr>
            <a:lvl4pPr>
              <a:defRPr sz="1400" b="0"/>
            </a:lvl4pPr>
            <a:lvl5pPr>
              <a:defRPr sz="4400"/>
            </a:lvl5pPr>
            <a:lvl6pPr marL="0" indent="0">
              <a:buFont typeface="Arial" panose="020B0604020202020204" pitchFamily="34" charset="0"/>
              <a:buChar char="​"/>
              <a:defRPr sz="1400"/>
            </a:lvl6pPr>
          </a:lstStyle>
          <a:p>
            <a:pPr lvl="0"/>
            <a:r>
              <a:rPr lang="da-DK" dirty="0"/>
              <a:t>Klik for at tilføje navn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FCBD798-3EC4-4867-B33D-A99B9D17B966}"/>
              </a:ext>
            </a:extLst>
          </p:cNvPr>
          <p:cNvSpPr txBox="1">
            <a:spLocks/>
          </p:cNvSpPr>
          <p:nvPr userDrawn="1"/>
        </p:nvSpPr>
        <p:spPr>
          <a:xfrm>
            <a:off x="9440130" y="3870233"/>
            <a:ext cx="2210533" cy="1644742"/>
          </a:xfrm>
          <a:custGeom>
            <a:avLst/>
            <a:gdLst/>
            <a:ahLst/>
            <a:cxnLst/>
            <a:rect l="l" t="t" r="r" b="b"/>
            <a:pathLst>
              <a:path w="1225753" h="912019">
                <a:moveTo>
                  <a:pt x="1021461" y="0"/>
                </a:moveTo>
                <a:lnTo>
                  <a:pt x="1094423" y="80258"/>
                </a:lnTo>
                <a:cubicBezTo>
                  <a:pt x="1040918" y="126467"/>
                  <a:pt x="998965" y="173892"/>
                  <a:pt x="968564" y="222533"/>
                </a:cubicBezTo>
                <a:cubicBezTo>
                  <a:pt x="938164" y="271174"/>
                  <a:pt x="922963" y="313735"/>
                  <a:pt x="922963" y="350215"/>
                </a:cubicBezTo>
                <a:cubicBezTo>
                  <a:pt x="922963" y="389128"/>
                  <a:pt x="943636" y="408585"/>
                  <a:pt x="984981" y="408585"/>
                </a:cubicBezTo>
                <a:cubicBezTo>
                  <a:pt x="1055510" y="408585"/>
                  <a:pt x="1113271" y="431689"/>
                  <a:pt x="1158264" y="477898"/>
                </a:cubicBezTo>
                <a:cubicBezTo>
                  <a:pt x="1203257" y="524107"/>
                  <a:pt x="1225753" y="582476"/>
                  <a:pt x="1225753" y="653006"/>
                </a:cubicBezTo>
                <a:cubicBezTo>
                  <a:pt x="1225753" y="728399"/>
                  <a:pt x="1200825" y="790416"/>
                  <a:pt x="1150968" y="839058"/>
                </a:cubicBezTo>
                <a:cubicBezTo>
                  <a:pt x="1101111" y="887699"/>
                  <a:pt x="1037270" y="912019"/>
                  <a:pt x="959444" y="912019"/>
                </a:cubicBezTo>
                <a:cubicBezTo>
                  <a:pt x="869458" y="912019"/>
                  <a:pt x="800753" y="881010"/>
                  <a:pt x="753328" y="818993"/>
                </a:cubicBezTo>
                <a:cubicBezTo>
                  <a:pt x="705903" y="756976"/>
                  <a:pt x="682190" y="676110"/>
                  <a:pt x="682190" y="576396"/>
                </a:cubicBezTo>
                <a:cubicBezTo>
                  <a:pt x="682190" y="457226"/>
                  <a:pt x="714415" y="347783"/>
                  <a:pt x="778864" y="248069"/>
                </a:cubicBezTo>
                <a:cubicBezTo>
                  <a:pt x="843314" y="148355"/>
                  <a:pt x="924179" y="65666"/>
                  <a:pt x="1021461" y="0"/>
                </a:cubicBezTo>
                <a:close/>
                <a:moveTo>
                  <a:pt x="339271" y="0"/>
                </a:moveTo>
                <a:lnTo>
                  <a:pt x="412233" y="80258"/>
                </a:lnTo>
                <a:cubicBezTo>
                  <a:pt x="358728" y="126467"/>
                  <a:pt x="316775" y="173892"/>
                  <a:pt x="286374" y="222533"/>
                </a:cubicBezTo>
                <a:cubicBezTo>
                  <a:pt x="255974" y="271174"/>
                  <a:pt x="240773" y="313735"/>
                  <a:pt x="240773" y="350215"/>
                </a:cubicBezTo>
                <a:cubicBezTo>
                  <a:pt x="240773" y="389128"/>
                  <a:pt x="261446" y="408585"/>
                  <a:pt x="302791" y="408585"/>
                </a:cubicBezTo>
                <a:cubicBezTo>
                  <a:pt x="373320" y="408585"/>
                  <a:pt x="431081" y="431689"/>
                  <a:pt x="476074" y="477898"/>
                </a:cubicBezTo>
                <a:cubicBezTo>
                  <a:pt x="521067" y="524107"/>
                  <a:pt x="543564" y="582476"/>
                  <a:pt x="543564" y="653006"/>
                </a:cubicBezTo>
                <a:cubicBezTo>
                  <a:pt x="543564" y="728399"/>
                  <a:pt x="518635" y="790416"/>
                  <a:pt x="468778" y="839058"/>
                </a:cubicBezTo>
                <a:cubicBezTo>
                  <a:pt x="418921" y="887699"/>
                  <a:pt x="355080" y="912019"/>
                  <a:pt x="277254" y="912019"/>
                </a:cubicBezTo>
                <a:cubicBezTo>
                  <a:pt x="187268" y="912019"/>
                  <a:pt x="118563" y="881010"/>
                  <a:pt x="71138" y="818993"/>
                </a:cubicBezTo>
                <a:cubicBezTo>
                  <a:pt x="23713" y="756976"/>
                  <a:pt x="0" y="676110"/>
                  <a:pt x="0" y="576396"/>
                </a:cubicBezTo>
                <a:cubicBezTo>
                  <a:pt x="0" y="457226"/>
                  <a:pt x="32225" y="347783"/>
                  <a:pt x="96674" y="248069"/>
                </a:cubicBezTo>
                <a:cubicBezTo>
                  <a:pt x="161124" y="148355"/>
                  <a:pt x="241989" y="65666"/>
                  <a:pt x="33927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>
            <a:lvl1pPr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4000" b="1" kern="1200" cap="none" spc="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da-DK" sz="28700" dirty="0"/>
          </a:p>
        </p:txBody>
      </p:sp>
    </p:spTree>
    <p:extLst>
      <p:ext uri="{BB962C8B-B14F-4D97-AF65-F5344CB8AC3E}">
        <p14:creationId xmlns:p14="http://schemas.microsoft.com/office/powerpoint/2010/main" val="266628239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med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D8AA462F-029A-4B7D-B09A-1FD1DC9AE3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93CC08A-F710-47AC-A0BB-2680F4EBB972}" type="datetime3">
              <a:rPr lang="da-DK" smtClean="0"/>
              <a:t>27.01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8328CEA1-B0CA-426E-BBB4-2B5752F97E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A74E72AF-D29C-4517-9B94-62E296DFC5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6B789308-7553-4266-8506-6A5E062804F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89324FB9-643B-486D-A5FF-9589CEAD9684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custGeom>
            <a:avLst/>
            <a:gdLst>
              <a:gd name="connsiteX0" fmla="*/ 7632485 w 12193200"/>
              <a:gd name="connsiteY0" fmla="*/ 2584652 h 6861600"/>
              <a:gd name="connsiteX1" fmla="*/ 7920303 w 12193200"/>
              <a:gd name="connsiteY1" fmla="*/ 2584652 h 6861600"/>
              <a:gd name="connsiteX2" fmla="*/ 8179265 w 12193200"/>
              <a:gd name="connsiteY2" fmla="*/ 2809366 h 6861600"/>
              <a:gd name="connsiteX3" fmla="*/ 7830429 w 12193200"/>
              <a:gd name="connsiteY3" fmla="*/ 3076889 h 6861600"/>
              <a:gd name="connsiteX4" fmla="*/ 7546373 w 12193200"/>
              <a:gd name="connsiteY4" fmla="*/ 3076889 h 6861600"/>
              <a:gd name="connsiteX5" fmla="*/ 7292730 w 12193200"/>
              <a:gd name="connsiteY5" fmla="*/ 2238164 h 6861600"/>
              <a:gd name="connsiteX6" fmla="*/ 6976821 w 12193200"/>
              <a:gd name="connsiteY6" fmla="*/ 4029989 h 6861600"/>
              <a:gd name="connsiteX7" fmla="*/ 7376849 w 12193200"/>
              <a:gd name="connsiteY7" fmla="*/ 4029989 h 6861600"/>
              <a:gd name="connsiteX8" fmla="*/ 7483127 w 12193200"/>
              <a:gd name="connsiteY8" fmla="*/ 3422819 h 6861600"/>
              <a:gd name="connsiteX9" fmla="*/ 7725024 w 12193200"/>
              <a:gd name="connsiteY9" fmla="*/ 3422819 h 6861600"/>
              <a:gd name="connsiteX10" fmla="*/ 8597254 w 12193200"/>
              <a:gd name="connsiteY10" fmla="*/ 2775744 h 6861600"/>
              <a:gd name="connsiteX11" fmla="*/ 7951967 w 12193200"/>
              <a:gd name="connsiteY11" fmla="*/ 2238164 h 6861600"/>
              <a:gd name="connsiteX12" fmla="*/ 4012359 w 12193200"/>
              <a:gd name="connsiteY12" fmla="*/ 2238160 h 6861600"/>
              <a:gd name="connsiteX13" fmla="*/ 3696509 w 12193200"/>
              <a:gd name="connsiteY13" fmla="*/ 4030001 h 6861600"/>
              <a:gd name="connsiteX14" fmla="*/ 4096396 w 12193200"/>
              <a:gd name="connsiteY14" fmla="*/ 4030001 h 6861600"/>
              <a:gd name="connsiteX15" fmla="*/ 4201954 w 12193200"/>
              <a:gd name="connsiteY15" fmla="*/ 3422818 h 6861600"/>
              <a:gd name="connsiteX16" fmla="*/ 4862372 w 12193200"/>
              <a:gd name="connsiteY16" fmla="*/ 3422818 h 6861600"/>
              <a:gd name="connsiteX17" fmla="*/ 4923305 w 12193200"/>
              <a:gd name="connsiteY17" fmla="*/ 3076885 h 6861600"/>
              <a:gd name="connsiteX18" fmla="*/ 4262476 w 12193200"/>
              <a:gd name="connsiteY18" fmla="*/ 3076885 h 6861600"/>
              <a:gd name="connsiteX19" fmla="*/ 4351608 w 12193200"/>
              <a:gd name="connsiteY19" fmla="*/ 2584105 h 6861600"/>
              <a:gd name="connsiteX20" fmla="*/ 5205380 w 12193200"/>
              <a:gd name="connsiteY20" fmla="*/ 2584105 h 6861600"/>
              <a:gd name="connsiteX21" fmla="*/ 5266362 w 12193200"/>
              <a:gd name="connsiteY21" fmla="*/ 2238160 h 6861600"/>
              <a:gd name="connsiteX22" fmla="*/ 5979138 w 12193200"/>
              <a:gd name="connsiteY22" fmla="*/ 2194291 h 6861600"/>
              <a:gd name="connsiteX23" fmla="*/ 5330575 w 12193200"/>
              <a:gd name="connsiteY23" fmla="*/ 2666975 h 6861600"/>
              <a:gd name="connsiteX24" fmla="*/ 5546609 w 12193200"/>
              <a:gd name="connsiteY24" fmla="*/ 3004500 h 6861600"/>
              <a:gd name="connsiteX25" fmla="*/ 5053758 w 12193200"/>
              <a:gd name="connsiteY25" fmla="*/ 3511785 h 6861600"/>
              <a:gd name="connsiteX26" fmla="*/ 5829344 w 12193200"/>
              <a:gd name="connsiteY26" fmla="*/ 4073859 h 6861600"/>
              <a:gd name="connsiteX27" fmla="*/ 6745951 w 12193200"/>
              <a:gd name="connsiteY27" fmla="*/ 3482939 h 6861600"/>
              <a:gd name="connsiteX28" fmla="*/ 6400264 w 12193200"/>
              <a:gd name="connsiteY28" fmla="*/ 3148657 h 6861600"/>
              <a:gd name="connsiteX29" fmla="*/ 7138066 w 12193200"/>
              <a:gd name="connsiteY29" fmla="*/ 2534246 h 6861600"/>
              <a:gd name="connsiteX30" fmla="*/ 6803948 w 12193200"/>
              <a:gd name="connsiteY30" fmla="*/ 2240437 h 6861600"/>
              <a:gd name="connsiteX31" fmla="*/ 6588609 w 12193200"/>
              <a:gd name="connsiteY31" fmla="*/ 2286913 h 6861600"/>
              <a:gd name="connsiteX32" fmla="*/ 6566981 w 12193200"/>
              <a:gd name="connsiteY32" fmla="*/ 2409571 h 6861600"/>
              <a:gd name="connsiteX33" fmla="*/ 6783771 w 12193200"/>
              <a:gd name="connsiteY33" fmla="*/ 2542890 h 6861600"/>
              <a:gd name="connsiteX34" fmla="*/ 6443462 w 12193200"/>
              <a:gd name="connsiteY34" fmla="*/ 2897739 h 6861600"/>
              <a:gd name="connsiteX35" fmla="*/ 6117458 w 12193200"/>
              <a:gd name="connsiteY35" fmla="*/ 3090695 h 6861600"/>
              <a:gd name="connsiteX36" fmla="*/ 5907261 w 12193200"/>
              <a:gd name="connsiteY36" fmla="*/ 3335775 h 6861600"/>
              <a:gd name="connsiteX37" fmla="*/ 5937946 w 12193200"/>
              <a:gd name="connsiteY37" fmla="*/ 3416911 h 6861600"/>
              <a:gd name="connsiteX38" fmla="*/ 6051205 w 12193200"/>
              <a:gd name="connsiteY38" fmla="*/ 3416911 h 6861600"/>
              <a:gd name="connsiteX39" fmla="*/ 6204042 w 12193200"/>
              <a:gd name="connsiteY39" fmla="*/ 3237694 h 6861600"/>
              <a:gd name="connsiteX40" fmla="*/ 6359921 w 12193200"/>
              <a:gd name="connsiteY40" fmla="*/ 3442525 h 6861600"/>
              <a:gd name="connsiteX41" fmla="*/ 5849523 w 12193200"/>
              <a:gd name="connsiteY41" fmla="*/ 3956012 h 6861600"/>
              <a:gd name="connsiteX42" fmla="*/ 5439776 w 12193200"/>
              <a:gd name="connsiteY42" fmla="*/ 3540607 h 6861600"/>
              <a:gd name="connsiteX43" fmla="*/ 5856433 w 12193200"/>
              <a:gd name="connsiteY43" fmla="*/ 3076897 h 6861600"/>
              <a:gd name="connsiteX44" fmla="*/ 5871775 w 12193200"/>
              <a:gd name="connsiteY44" fmla="*/ 2989865 h 6861600"/>
              <a:gd name="connsiteX45" fmla="*/ 5687747 w 12193200"/>
              <a:gd name="connsiteY45" fmla="*/ 2646762 h 6861600"/>
              <a:gd name="connsiteX46" fmla="*/ 5921636 w 12193200"/>
              <a:gd name="connsiteY46" fmla="*/ 2306383 h 6861600"/>
              <a:gd name="connsiteX47" fmla="*/ 6062610 w 12193200"/>
              <a:gd name="connsiteY47" fmla="*/ 2516993 h 6861600"/>
              <a:gd name="connsiteX48" fmla="*/ 6206919 w 12193200"/>
              <a:gd name="connsiteY48" fmla="*/ 2695821 h 6861600"/>
              <a:gd name="connsiteX49" fmla="*/ 6411798 w 12193200"/>
              <a:gd name="connsiteY49" fmla="*/ 2470812 h 6861600"/>
              <a:gd name="connsiteX50" fmla="*/ 5979138 w 12193200"/>
              <a:gd name="connsiteY50" fmla="*/ 2194291 h 6861600"/>
              <a:gd name="connsiteX51" fmla="*/ 0 w 12193200"/>
              <a:gd name="connsiteY51" fmla="*/ 0 h 6861600"/>
              <a:gd name="connsiteX52" fmla="*/ 12193200 w 12193200"/>
              <a:gd name="connsiteY52" fmla="*/ 0 h 6861600"/>
              <a:gd name="connsiteX53" fmla="*/ 12193200 w 12193200"/>
              <a:gd name="connsiteY53" fmla="*/ 6861600 h 6861600"/>
              <a:gd name="connsiteX54" fmla="*/ 0 w 12193200"/>
              <a:gd name="connsiteY54" fmla="*/ 686160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</a:cxnLst>
            <a:rect l="l" t="t" r="r" b="b"/>
            <a:pathLst>
              <a:path w="12193200" h="6861600">
                <a:moveTo>
                  <a:pt x="7632485" y="2584652"/>
                </a:moveTo>
                <a:lnTo>
                  <a:pt x="7920303" y="2584652"/>
                </a:lnTo>
                <a:cubicBezTo>
                  <a:pt x="8087244" y="2584652"/>
                  <a:pt x="8179265" y="2676672"/>
                  <a:pt x="8179265" y="2809366"/>
                </a:cubicBezTo>
                <a:cubicBezTo>
                  <a:pt x="8179265" y="2982734"/>
                  <a:pt x="8057267" y="3076889"/>
                  <a:pt x="7830429" y="3076889"/>
                </a:cubicBezTo>
                <a:lnTo>
                  <a:pt x="7546373" y="3076889"/>
                </a:lnTo>
                <a:close/>
                <a:moveTo>
                  <a:pt x="7292730" y="2238164"/>
                </a:moveTo>
                <a:lnTo>
                  <a:pt x="6976821" y="4029989"/>
                </a:lnTo>
                <a:lnTo>
                  <a:pt x="7376849" y="4029989"/>
                </a:lnTo>
                <a:lnTo>
                  <a:pt x="7483127" y="3422819"/>
                </a:lnTo>
                <a:lnTo>
                  <a:pt x="7725024" y="3422819"/>
                </a:lnTo>
                <a:cubicBezTo>
                  <a:pt x="8282406" y="3422819"/>
                  <a:pt x="8597254" y="3222637"/>
                  <a:pt x="8597254" y="2775744"/>
                </a:cubicBezTo>
                <a:cubicBezTo>
                  <a:pt x="8597254" y="2518352"/>
                  <a:pt x="8485327" y="2238164"/>
                  <a:pt x="7951967" y="2238164"/>
                </a:cubicBezTo>
                <a:close/>
                <a:moveTo>
                  <a:pt x="4012359" y="2238160"/>
                </a:moveTo>
                <a:lnTo>
                  <a:pt x="3696509" y="4030001"/>
                </a:lnTo>
                <a:lnTo>
                  <a:pt x="4096396" y="4030001"/>
                </a:lnTo>
                <a:lnTo>
                  <a:pt x="4201954" y="3422818"/>
                </a:lnTo>
                <a:lnTo>
                  <a:pt x="4862372" y="3422818"/>
                </a:lnTo>
                <a:lnTo>
                  <a:pt x="4923305" y="3076885"/>
                </a:lnTo>
                <a:lnTo>
                  <a:pt x="4262476" y="3076885"/>
                </a:lnTo>
                <a:lnTo>
                  <a:pt x="4351608" y="2584105"/>
                </a:lnTo>
                <a:lnTo>
                  <a:pt x="5205380" y="2584105"/>
                </a:lnTo>
                <a:lnTo>
                  <a:pt x="5266362" y="2238160"/>
                </a:lnTo>
                <a:close/>
                <a:moveTo>
                  <a:pt x="5979138" y="2194291"/>
                </a:moveTo>
                <a:cubicBezTo>
                  <a:pt x="5638782" y="2194291"/>
                  <a:pt x="5330575" y="2375619"/>
                  <a:pt x="5330575" y="2666975"/>
                </a:cubicBezTo>
                <a:cubicBezTo>
                  <a:pt x="5330575" y="2825637"/>
                  <a:pt x="5416992" y="2975655"/>
                  <a:pt x="5546609" y="3004500"/>
                </a:cubicBezTo>
                <a:cubicBezTo>
                  <a:pt x="5287117" y="3004500"/>
                  <a:pt x="5053758" y="3240642"/>
                  <a:pt x="5053758" y="3511785"/>
                </a:cubicBezTo>
                <a:cubicBezTo>
                  <a:pt x="5053758" y="3855053"/>
                  <a:pt x="5408077" y="4073859"/>
                  <a:pt x="5829344" y="4073859"/>
                </a:cubicBezTo>
                <a:cubicBezTo>
                  <a:pt x="6264657" y="4073859"/>
                  <a:pt x="6745951" y="3852164"/>
                  <a:pt x="6745951" y="3482939"/>
                </a:cubicBezTo>
                <a:cubicBezTo>
                  <a:pt x="6745951" y="3312685"/>
                  <a:pt x="6650876" y="3177373"/>
                  <a:pt x="6400264" y="3148657"/>
                </a:cubicBezTo>
                <a:cubicBezTo>
                  <a:pt x="6685429" y="3033216"/>
                  <a:pt x="7138066" y="2863127"/>
                  <a:pt x="7138066" y="2534246"/>
                </a:cubicBezTo>
                <a:cubicBezTo>
                  <a:pt x="7138066" y="2338224"/>
                  <a:pt x="6973873" y="2240437"/>
                  <a:pt x="6803948" y="2240437"/>
                </a:cubicBezTo>
                <a:cubicBezTo>
                  <a:pt x="6729723" y="2240780"/>
                  <a:pt x="6656371" y="2256610"/>
                  <a:pt x="6588609" y="2286913"/>
                </a:cubicBezTo>
                <a:lnTo>
                  <a:pt x="6566981" y="2409571"/>
                </a:lnTo>
                <a:cubicBezTo>
                  <a:pt x="6706456" y="2365182"/>
                  <a:pt x="6783771" y="2428215"/>
                  <a:pt x="6783771" y="2542890"/>
                </a:cubicBezTo>
                <a:cubicBezTo>
                  <a:pt x="6783771" y="2707342"/>
                  <a:pt x="6616299" y="2793902"/>
                  <a:pt x="6443462" y="2897739"/>
                </a:cubicBezTo>
                <a:lnTo>
                  <a:pt x="6117458" y="3090695"/>
                </a:lnTo>
                <a:cubicBezTo>
                  <a:pt x="6022265" y="3151534"/>
                  <a:pt x="5907261" y="3217587"/>
                  <a:pt x="5907261" y="3335775"/>
                </a:cubicBezTo>
                <a:cubicBezTo>
                  <a:pt x="5908015" y="3365512"/>
                  <a:pt x="5918829" y="3394115"/>
                  <a:pt x="5937946" y="3416911"/>
                </a:cubicBezTo>
                <a:lnTo>
                  <a:pt x="6051205" y="3416911"/>
                </a:lnTo>
                <a:cubicBezTo>
                  <a:pt x="6022713" y="3336224"/>
                  <a:pt x="6085652" y="3237694"/>
                  <a:pt x="6204042" y="3237694"/>
                </a:cubicBezTo>
                <a:cubicBezTo>
                  <a:pt x="6313751" y="3237694"/>
                  <a:pt x="6359921" y="3327119"/>
                  <a:pt x="6359921" y="3442525"/>
                </a:cubicBezTo>
                <a:cubicBezTo>
                  <a:pt x="6359921" y="3725237"/>
                  <a:pt x="6160750" y="3956012"/>
                  <a:pt x="5849523" y="3956012"/>
                </a:cubicBezTo>
                <a:cubicBezTo>
                  <a:pt x="5560984" y="3956012"/>
                  <a:pt x="5439776" y="3756936"/>
                  <a:pt x="5439776" y="3540607"/>
                </a:cubicBezTo>
                <a:cubicBezTo>
                  <a:pt x="5439776" y="3293168"/>
                  <a:pt x="5614253" y="3077239"/>
                  <a:pt x="5856433" y="3076897"/>
                </a:cubicBezTo>
                <a:lnTo>
                  <a:pt x="5871775" y="2989865"/>
                </a:lnTo>
                <a:cubicBezTo>
                  <a:pt x="5728043" y="2914037"/>
                  <a:pt x="5687747" y="2762887"/>
                  <a:pt x="5687747" y="2646762"/>
                </a:cubicBezTo>
                <a:cubicBezTo>
                  <a:pt x="5687747" y="2488135"/>
                  <a:pt x="5759955" y="2306383"/>
                  <a:pt x="5921636" y="2306383"/>
                </a:cubicBezTo>
                <a:cubicBezTo>
                  <a:pt x="6039518" y="2306383"/>
                  <a:pt x="6071253" y="2424666"/>
                  <a:pt x="6062610" y="2516993"/>
                </a:cubicBezTo>
                <a:cubicBezTo>
                  <a:pt x="6051040" y="2629474"/>
                  <a:pt x="6114545" y="2695821"/>
                  <a:pt x="6206919" y="2695821"/>
                </a:cubicBezTo>
                <a:cubicBezTo>
                  <a:pt x="6328150" y="2695821"/>
                  <a:pt x="6411798" y="2591984"/>
                  <a:pt x="6411798" y="2470812"/>
                </a:cubicBezTo>
                <a:cubicBezTo>
                  <a:pt x="6411798" y="2297774"/>
                  <a:pt x="6235812" y="2194291"/>
                  <a:pt x="5979138" y="2194291"/>
                </a:cubicBez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 w="0">
            <a:solidFill>
              <a:schemeClr val="accent1">
                <a:alpha val="0"/>
              </a:schemeClr>
            </a:solidFill>
          </a:ln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noProof="0" dirty="0"/>
              <a:t>Klik på rammen for at indsætte et billede via Templafy</a:t>
            </a:r>
          </a:p>
        </p:txBody>
      </p:sp>
    </p:spTree>
    <p:extLst>
      <p:ext uri="{BB962C8B-B14F-4D97-AF65-F5344CB8AC3E}">
        <p14:creationId xmlns:p14="http://schemas.microsoft.com/office/powerpoint/2010/main" val="3191907243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D8AA462F-029A-4B7D-B09A-1FD1DC9AE3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93CC08A-F710-47AC-A0BB-2680F4EBB972}" type="datetime3">
              <a:rPr lang="da-DK" smtClean="0"/>
              <a:t>27.01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8328CEA1-B0CA-426E-BBB4-2B5752F97E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A74E72AF-D29C-4517-9B94-62E296DFC5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6B789308-7553-4266-8506-6A5E062804F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89324FB9-643B-486D-A5FF-9589CEAD9684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custGeom>
            <a:avLst/>
            <a:gdLst>
              <a:gd name="connsiteX0" fmla="*/ 7632485 w 12193200"/>
              <a:gd name="connsiteY0" fmla="*/ 2584652 h 6861600"/>
              <a:gd name="connsiteX1" fmla="*/ 7920303 w 12193200"/>
              <a:gd name="connsiteY1" fmla="*/ 2584652 h 6861600"/>
              <a:gd name="connsiteX2" fmla="*/ 8179265 w 12193200"/>
              <a:gd name="connsiteY2" fmla="*/ 2809366 h 6861600"/>
              <a:gd name="connsiteX3" fmla="*/ 7830429 w 12193200"/>
              <a:gd name="connsiteY3" fmla="*/ 3076889 h 6861600"/>
              <a:gd name="connsiteX4" fmla="*/ 7546373 w 12193200"/>
              <a:gd name="connsiteY4" fmla="*/ 3076889 h 6861600"/>
              <a:gd name="connsiteX5" fmla="*/ 7292730 w 12193200"/>
              <a:gd name="connsiteY5" fmla="*/ 2238164 h 6861600"/>
              <a:gd name="connsiteX6" fmla="*/ 6976821 w 12193200"/>
              <a:gd name="connsiteY6" fmla="*/ 4029989 h 6861600"/>
              <a:gd name="connsiteX7" fmla="*/ 7376849 w 12193200"/>
              <a:gd name="connsiteY7" fmla="*/ 4029989 h 6861600"/>
              <a:gd name="connsiteX8" fmla="*/ 7483127 w 12193200"/>
              <a:gd name="connsiteY8" fmla="*/ 3422819 h 6861600"/>
              <a:gd name="connsiteX9" fmla="*/ 7725024 w 12193200"/>
              <a:gd name="connsiteY9" fmla="*/ 3422819 h 6861600"/>
              <a:gd name="connsiteX10" fmla="*/ 8597254 w 12193200"/>
              <a:gd name="connsiteY10" fmla="*/ 2775744 h 6861600"/>
              <a:gd name="connsiteX11" fmla="*/ 7951967 w 12193200"/>
              <a:gd name="connsiteY11" fmla="*/ 2238164 h 6861600"/>
              <a:gd name="connsiteX12" fmla="*/ 4012359 w 12193200"/>
              <a:gd name="connsiteY12" fmla="*/ 2238160 h 6861600"/>
              <a:gd name="connsiteX13" fmla="*/ 3696509 w 12193200"/>
              <a:gd name="connsiteY13" fmla="*/ 4030001 h 6861600"/>
              <a:gd name="connsiteX14" fmla="*/ 4096396 w 12193200"/>
              <a:gd name="connsiteY14" fmla="*/ 4030001 h 6861600"/>
              <a:gd name="connsiteX15" fmla="*/ 4201954 w 12193200"/>
              <a:gd name="connsiteY15" fmla="*/ 3422818 h 6861600"/>
              <a:gd name="connsiteX16" fmla="*/ 4862372 w 12193200"/>
              <a:gd name="connsiteY16" fmla="*/ 3422818 h 6861600"/>
              <a:gd name="connsiteX17" fmla="*/ 4923305 w 12193200"/>
              <a:gd name="connsiteY17" fmla="*/ 3076885 h 6861600"/>
              <a:gd name="connsiteX18" fmla="*/ 4262476 w 12193200"/>
              <a:gd name="connsiteY18" fmla="*/ 3076885 h 6861600"/>
              <a:gd name="connsiteX19" fmla="*/ 4351608 w 12193200"/>
              <a:gd name="connsiteY19" fmla="*/ 2584105 h 6861600"/>
              <a:gd name="connsiteX20" fmla="*/ 5205380 w 12193200"/>
              <a:gd name="connsiteY20" fmla="*/ 2584105 h 6861600"/>
              <a:gd name="connsiteX21" fmla="*/ 5266362 w 12193200"/>
              <a:gd name="connsiteY21" fmla="*/ 2238160 h 6861600"/>
              <a:gd name="connsiteX22" fmla="*/ 5979138 w 12193200"/>
              <a:gd name="connsiteY22" fmla="*/ 2194291 h 6861600"/>
              <a:gd name="connsiteX23" fmla="*/ 5330575 w 12193200"/>
              <a:gd name="connsiteY23" fmla="*/ 2666975 h 6861600"/>
              <a:gd name="connsiteX24" fmla="*/ 5546609 w 12193200"/>
              <a:gd name="connsiteY24" fmla="*/ 3004500 h 6861600"/>
              <a:gd name="connsiteX25" fmla="*/ 5053758 w 12193200"/>
              <a:gd name="connsiteY25" fmla="*/ 3511785 h 6861600"/>
              <a:gd name="connsiteX26" fmla="*/ 5829344 w 12193200"/>
              <a:gd name="connsiteY26" fmla="*/ 4073859 h 6861600"/>
              <a:gd name="connsiteX27" fmla="*/ 6745951 w 12193200"/>
              <a:gd name="connsiteY27" fmla="*/ 3482939 h 6861600"/>
              <a:gd name="connsiteX28" fmla="*/ 6400264 w 12193200"/>
              <a:gd name="connsiteY28" fmla="*/ 3148657 h 6861600"/>
              <a:gd name="connsiteX29" fmla="*/ 7138066 w 12193200"/>
              <a:gd name="connsiteY29" fmla="*/ 2534246 h 6861600"/>
              <a:gd name="connsiteX30" fmla="*/ 6803948 w 12193200"/>
              <a:gd name="connsiteY30" fmla="*/ 2240437 h 6861600"/>
              <a:gd name="connsiteX31" fmla="*/ 6588609 w 12193200"/>
              <a:gd name="connsiteY31" fmla="*/ 2286913 h 6861600"/>
              <a:gd name="connsiteX32" fmla="*/ 6566981 w 12193200"/>
              <a:gd name="connsiteY32" fmla="*/ 2409571 h 6861600"/>
              <a:gd name="connsiteX33" fmla="*/ 6783771 w 12193200"/>
              <a:gd name="connsiteY33" fmla="*/ 2542890 h 6861600"/>
              <a:gd name="connsiteX34" fmla="*/ 6443462 w 12193200"/>
              <a:gd name="connsiteY34" fmla="*/ 2897739 h 6861600"/>
              <a:gd name="connsiteX35" fmla="*/ 6117458 w 12193200"/>
              <a:gd name="connsiteY35" fmla="*/ 3090695 h 6861600"/>
              <a:gd name="connsiteX36" fmla="*/ 5907261 w 12193200"/>
              <a:gd name="connsiteY36" fmla="*/ 3335775 h 6861600"/>
              <a:gd name="connsiteX37" fmla="*/ 5937946 w 12193200"/>
              <a:gd name="connsiteY37" fmla="*/ 3416911 h 6861600"/>
              <a:gd name="connsiteX38" fmla="*/ 6051205 w 12193200"/>
              <a:gd name="connsiteY38" fmla="*/ 3416911 h 6861600"/>
              <a:gd name="connsiteX39" fmla="*/ 6204042 w 12193200"/>
              <a:gd name="connsiteY39" fmla="*/ 3237694 h 6861600"/>
              <a:gd name="connsiteX40" fmla="*/ 6359921 w 12193200"/>
              <a:gd name="connsiteY40" fmla="*/ 3442525 h 6861600"/>
              <a:gd name="connsiteX41" fmla="*/ 5849523 w 12193200"/>
              <a:gd name="connsiteY41" fmla="*/ 3956012 h 6861600"/>
              <a:gd name="connsiteX42" fmla="*/ 5439776 w 12193200"/>
              <a:gd name="connsiteY42" fmla="*/ 3540607 h 6861600"/>
              <a:gd name="connsiteX43" fmla="*/ 5856433 w 12193200"/>
              <a:gd name="connsiteY43" fmla="*/ 3076897 h 6861600"/>
              <a:gd name="connsiteX44" fmla="*/ 5871775 w 12193200"/>
              <a:gd name="connsiteY44" fmla="*/ 2989865 h 6861600"/>
              <a:gd name="connsiteX45" fmla="*/ 5687747 w 12193200"/>
              <a:gd name="connsiteY45" fmla="*/ 2646762 h 6861600"/>
              <a:gd name="connsiteX46" fmla="*/ 5921636 w 12193200"/>
              <a:gd name="connsiteY46" fmla="*/ 2306383 h 6861600"/>
              <a:gd name="connsiteX47" fmla="*/ 6062610 w 12193200"/>
              <a:gd name="connsiteY47" fmla="*/ 2516993 h 6861600"/>
              <a:gd name="connsiteX48" fmla="*/ 6206919 w 12193200"/>
              <a:gd name="connsiteY48" fmla="*/ 2695821 h 6861600"/>
              <a:gd name="connsiteX49" fmla="*/ 6411798 w 12193200"/>
              <a:gd name="connsiteY49" fmla="*/ 2470812 h 6861600"/>
              <a:gd name="connsiteX50" fmla="*/ 5979138 w 12193200"/>
              <a:gd name="connsiteY50" fmla="*/ 2194291 h 6861600"/>
              <a:gd name="connsiteX51" fmla="*/ 0 w 12193200"/>
              <a:gd name="connsiteY51" fmla="*/ 0 h 6861600"/>
              <a:gd name="connsiteX52" fmla="*/ 12193200 w 12193200"/>
              <a:gd name="connsiteY52" fmla="*/ 0 h 6861600"/>
              <a:gd name="connsiteX53" fmla="*/ 12193200 w 12193200"/>
              <a:gd name="connsiteY53" fmla="*/ 6861600 h 6861600"/>
              <a:gd name="connsiteX54" fmla="*/ 0 w 12193200"/>
              <a:gd name="connsiteY54" fmla="*/ 686160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</a:cxnLst>
            <a:rect l="l" t="t" r="r" b="b"/>
            <a:pathLst>
              <a:path w="12193200" h="6861600">
                <a:moveTo>
                  <a:pt x="7632485" y="2584652"/>
                </a:moveTo>
                <a:lnTo>
                  <a:pt x="7920303" y="2584652"/>
                </a:lnTo>
                <a:cubicBezTo>
                  <a:pt x="8087244" y="2584652"/>
                  <a:pt x="8179265" y="2676672"/>
                  <a:pt x="8179265" y="2809366"/>
                </a:cubicBezTo>
                <a:cubicBezTo>
                  <a:pt x="8179265" y="2982734"/>
                  <a:pt x="8057267" y="3076889"/>
                  <a:pt x="7830429" y="3076889"/>
                </a:cubicBezTo>
                <a:lnTo>
                  <a:pt x="7546373" y="3076889"/>
                </a:lnTo>
                <a:close/>
                <a:moveTo>
                  <a:pt x="7292730" y="2238164"/>
                </a:moveTo>
                <a:lnTo>
                  <a:pt x="6976821" y="4029989"/>
                </a:lnTo>
                <a:lnTo>
                  <a:pt x="7376849" y="4029989"/>
                </a:lnTo>
                <a:lnTo>
                  <a:pt x="7483127" y="3422819"/>
                </a:lnTo>
                <a:lnTo>
                  <a:pt x="7725024" y="3422819"/>
                </a:lnTo>
                <a:cubicBezTo>
                  <a:pt x="8282406" y="3422819"/>
                  <a:pt x="8597254" y="3222637"/>
                  <a:pt x="8597254" y="2775744"/>
                </a:cubicBezTo>
                <a:cubicBezTo>
                  <a:pt x="8597254" y="2518352"/>
                  <a:pt x="8485327" y="2238164"/>
                  <a:pt x="7951967" y="2238164"/>
                </a:cubicBezTo>
                <a:close/>
                <a:moveTo>
                  <a:pt x="4012359" y="2238160"/>
                </a:moveTo>
                <a:lnTo>
                  <a:pt x="3696509" y="4030001"/>
                </a:lnTo>
                <a:lnTo>
                  <a:pt x="4096396" y="4030001"/>
                </a:lnTo>
                <a:lnTo>
                  <a:pt x="4201954" y="3422818"/>
                </a:lnTo>
                <a:lnTo>
                  <a:pt x="4862372" y="3422818"/>
                </a:lnTo>
                <a:lnTo>
                  <a:pt x="4923305" y="3076885"/>
                </a:lnTo>
                <a:lnTo>
                  <a:pt x="4262476" y="3076885"/>
                </a:lnTo>
                <a:lnTo>
                  <a:pt x="4351608" y="2584105"/>
                </a:lnTo>
                <a:lnTo>
                  <a:pt x="5205380" y="2584105"/>
                </a:lnTo>
                <a:lnTo>
                  <a:pt x="5266362" y="2238160"/>
                </a:lnTo>
                <a:close/>
                <a:moveTo>
                  <a:pt x="5979138" y="2194291"/>
                </a:moveTo>
                <a:cubicBezTo>
                  <a:pt x="5638782" y="2194291"/>
                  <a:pt x="5330575" y="2375619"/>
                  <a:pt x="5330575" y="2666975"/>
                </a:cubicBezTo>
                <a:cubicBezTo>
                  <a:pt x="5330575" y="2825637"/>
                  <a:pt x="5416992" y="2975655"/>
                  <a:pt x="5546609" y="3004500"/>
                </a:cubicBezTo>
                <a:cubicBezTo>
                  <a:pt x="5287117" y="3004500"/>
                  <a:pt x="5053758" y="3240642"/>
                  <a:pt x="5053758" y="3511785"/>
                </a:cubicBezTo>
                <a:cubicBezTo>
                  <a:pt x="5053758" y="3855053"/>
                  <a:pt x="5408077" y="4073859"/>
                  <a:pt x="5829344" y="4073859"/>
                </a:cubicBezTo>
                <a:cubicBezTo>
                  <a:pt x="6264657" y="4073859"/>
                  <a:pt x="6745951" y="3852164"/>
                  <a:pt x="6745951" y="3482939"/>
                </a:cubicBezTo>
                <a:cubicBezTo>
                  <a:pt x="6745951" y="3312685"/>
                  <a:pt x="6650876" y="3177373"/>
                  <a:pt x="6400264" y="3148657"/>
                </a:cubicBezTo>
                <a:cubicBezTo>
                  <a:pt x="6685429" y="3033216"/>
                  <a:pt x="7138066" y="2863127"/>
                  <a:pt x="7138066" y="2534246"/>
                </a:cubicBezTo>
                <a:cubicBezTo>
                  <a:pt x="7138066" y="2338224"/>
                  <a:pt x="6973873" y="2240437"/>
                  <a:pt x="6803948" y="2240437"/>
                </a:cubicBezTo>
                <a:cubicBezTo>
                  <a:pt x="6729723" y="2240780"/>
                  <a:pt x="6656371" y="2256610"/>
                  <a:pt x="6588609" y="2286913"/>
                </a:cubicBezTo>
                <a:lnTo>
                  <a:pt x="6566981" y="2409571"/>
                </a:lnTo>
                <a:cubicBezTo>
                  <a:pt x="6706456" y="2365182"/>
                  <a:pt x="6783771" y="2428215"/>
                  <a:pt x="6783771" y="2542890"/>
                </a:cubicBezTo>
                <a:cubicBezTo>
                  <a:pt x="6783771" y="2707342"/>
                  <a:pt x="6616299" y="2793902"/>
                  <a:pt x="6443462" y="2897739"/>
                </a:cubicBezTo>
                <a:lnTo>
                  <a:pt x="6117458" y="3090695"/>
                </a:lnTo>
                <a:cubicBezTo>
                  <a:pt x="6022265" y="3151534"/>
                  <a:pt x="5907261" y="3217587"/>
                  <a:pt x="5907261" y="3335775"/>
                </a:cubicBezTo>
                <a:cubicBezTo>
                  <a:pt x="5908015" y="3365512"/>
                  <a:pt x="5918829" y="3394115"/>
                  <a:pt x="5937946" y="3416911"/>
                </a:cubicBezTo>
                <a:lnTo>
                  <a:pt x="6051205" y="3416911"/>
                </a:lnTo>
                <a:cubicBezTo>
                  <a:pt x="6022713" y="3336224"/>
                  <a:pt x="6085652" y="3237694"/>
                  <a:pt x="6204042" y="3237694"/>
                </a:cubicBezTo>
                <a:cubicBezTo>
                  <a:pt x="6313751" y="3237694"/>
                  <a:pt x="6359921" y="3327119"/>
                  <a:pt x="6359921" y="3442525"/>
                </a:cubicBezTo>
                <a:cubicBezTo>
                  <a:pt x="6359921" y="3725237"/>
                  <a:pt x="6160750" y="3956012"/>
                  <a:pt x="5849523" y="3956012"/>
                </a:cubicBezTo>
                <a:cubicBezTo>
                  <a:pt x="5560984" y="3956012"/>
                  <a:pt x="5439776" y="3756936"/>
                  <a:pt x="5439776" y="3540607"/>
                </a:cubicBezTo>
                <a:cubicBezTo>
                  <a:pt x="5439776" y="3293168"/>
                  <a:pt x="5614253" y="3077239"/>
                  <a:pt x="5856433" y="3076897"/>
                </a:cubicBezTo>
                <a:lnTo>
                  <a:pt x="5871775" y="2989865"/>
                </a:lnTo>
                <a:cubicBezTo>
                  <a:pt x="5728043" y="2914037"/>
                  <a:pt x="5687747" y="2762887"/>
                  <a:pt x="5687747" y="2646762"/>
                </a:cubicBezTo>
                <a:cubicBezTo>
                  <a:pt x="5687747" y="2488135"/>
                  <a:pt x="5759955" y="2306383"/>
                  <a:pt x="5921636" y="2306383"/>
                </a:cubicBezTo>
                <a:cubicBezTo>
                  <a:pt x="6039518" y="2306383"/>
                  <a:pt x="6071253" y="2424666"/>
                  <a:pt x="6062610" y="2516993"/>
                </a:cubicBezTo>
                <a:cubicBezTo>
                  <a:pt x="6051040" y="2629474"/>
                  <a:pt x="6114545" y="2695821"/>
                  <a:pt x="6206919" y="2695821"/>
                </a:cubicBezTo>
                <a:cubicBezTo>
                  <a:pt x="6328150" y="2695821"/>
                  <a:pt x="6411798" y="2591984"/>
                  <a:pt x="6411798" y="2470812"/>
                </a:cubicBezTo>
                <a:cubicBezTo>
                  <a:pt x="6411798" y="2297774"/>
                  <a:pt x="6235812" y="2194291"/>
                  <a:pt x="5979138" y="2194291"/>
                </a:cubicBez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 w="0">
            <a:solidFill>
              <a:schemeClr val="accent1">
                <a:alpha val="0"/>
              </a:schemeClr>
            </a:solidFill>
          </a:ln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noProof="0" dirty="0"/>
              <a:t>Klik på rammen for at indsætte et billede via Templafy</a:t>
            </a:r>
          </a:p>
        </p:txBody>
      </p:sp>
    </p:spTree>
    <p:extLst>
      <p:ext uri="{BB962C8B-B14F-4D97-AF65-F5344CB8AC3E}">
        <p14:creationId xmlns:p14="http://schemas.microsoft.com/office/powerpoint/2010/main" val="201108621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D8AA462F-029A-4B7D-B09A-1FD1DC9AE3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93CC08A-F710-47AC-A0BB-2680F4EBB972}" type="datetime3">
              <a:rPr lang="da-DK" smtClean="0"/>
              <a:t>27.01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8328CEA1-B0CA-426E-BBB4-2B5752F97E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A74E72AF-D29C-4517-9B94-62E296DFC5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6B789308-7553-4266-8506-6A5E062804F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B05CB299-27F2-4E1A-9284-606AF2EE7C4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96509" y="2194291"/>
            <a:ext cx="4905863" cy="1875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980546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D8AA462F-029A-4B7D-B09A-1FD1DC9AE3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93CC08A-F710-47AC-A0BB-2680F4EBB972}" type="datetime3">
              <a:rPr lang="da-DK" smtClean="0"/>
              <a:t>27.01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8328CEA1-B0CA-426E-BBB4-2B5752F97E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A74E72AF-D29C-4517-9B94-62E296DFC5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6B789308-7553-4266-8506-6A5E062804F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F0C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B05CB299-27F2-4E1A-9284-606AF2EE7C4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96509" y="2194291"/>
            <a:ext cx="4905863" cy="1875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044829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D8AA462F-029A-4B7D-B09A-1FD1DC9AE3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93CC08A-F710-47AC-A0BB-2680F4EBB972}" type="datetime3">
              <a:rPr lang="da-DK" smtClean="0"/>
              <a:t>27.01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8328CEA1-B0CA-426E-BBB4-2B5752F97E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A74E72AF-D29C-4517-9B94-62E296DFC5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6B789308-7553-4266-8506-6A5E062804F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EF2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B05CB299-27F2-4E1A-9284-606AF2EE7C4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96509" y="2194291"/>
            <a:ext cx="4905863" cy="1875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5273363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D8AA462F-029A-4B7D-B09A-1FD1DC9AE3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93CC08A-F710-47AC-A0BB-2680F4EBB972}" type="datetime3">
              <a:rPr lang="da-DK" smtClean="0"/>
              <a:t>27.01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8328CEA1-B0CA-426E-BBB4-2B5752F97E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A74E72AF-D29C-4517-9B94-62E296DFC5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6B789308-7553-4266-8506-6A5E062804F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ADC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B05CB299-27F2-4E1A-9284-606AF2EE7C4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96509" y="2194291"/>
            <a:ext cx="4905863" cy="1875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6616326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ackground">
            <a:extLst>
              <a:ext uri="{FF2B5EF4-FFF2-40B4-BE49-F238E27FC236}">
                <a16:creationId xmlns:a16="http://schemas.microsoft.com/office/drawing/2014/main" id="{6B789308-7553-4266-8506-6A5E062804F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6E6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BBF476-9C21-4F2A-93ED-CF35FED321C8}"/>
              </a:ext>
            </a:extLst>
          </p:cNvPr>
          <p:cNvSpPr/>
          <p:nvPr userDrawn="1"/>
        </p:nvSpPr>
        <p:spPr>
          <a:xfrm>
            <a:off x="4833586" y="1388202"/>
            <a:ext cx="2625442" cy="4048344"/>
          </a:xfrm>
          <a:custGeom>
            <a:avLst/>
            <a:gdLst/>
            <a:ahLst/>
            <a:cxnLst/>
            <a:rect l="l" t="t" r="r" b="b"/>
            <a:pathLst>
              <a:path w="2625442" h="4048344">
                <a:moveTo>
                  <a:pt x="1284389" y="3185789"/>
                </a:moveTo>
                <a:cubicBezTo>
                  <a:pt x="1401914" y="3185789"/>
                  <a:pt x="1502651" y="3227762"/>
                  <a:pt x="1586598" y="3311709"/>
                </a:cubicBezTo>
                <a:cubicBezTo>
                  <a:pt x="1670545" y="3395657"/>
                  <a:pt x="1712519" y="3496393"/>
                  <a:pt x="1712519" y="3613919"/>
                </a:cubicBezTo>
                <a:cubicBezTo>
                  <a:pt x="1712519" y="3731444"/>
                  <a:pt x="1670545" y="3833230"/>
                  <a:pt x="1586598" y="3919276"/>
                </a:cubicBezTo>
                <a:cubicBezTo>
                  <a:pt x="1502651" y="4005321"/>
                  <a:pt x="1401914" y="4048344"/>
                  <a:pt x="1284389" y="4048344"/>
                </a:cubicBezTo>
                <a:cubicBezTo>
                  <a:pt x="1166863" y="4048344"/>
                  <a:pt x="1066127" y="4005321"/>
                  <a:pt x="982179" y="3919276"/>
                </a:cubicBezTo>
                <a:cubicBezTo>
                  <a:pt x="898233" y="3833230"/>
                  <a:pt x="856259" y="3731444"/>
                  <a:pt x="856259" y="3613919"/>
                </a:cubicBezTo>
                <a:cubicBezTo>
                  <a:pt x="856259" y="3496393"/>
                  <a:pt x="898233" y="3395657"/>
                  <a:pt x="982179" y="3311709"/>
                </a:cubicBezTo>
                <a:cubicBezTo>
                  <a:pt x="1066127" y="3227762"/>
                  <a:pt x="1166863" y="3185789"/>
                  <a:pt x="1284389" y="3185789"/>
                </a:cubicBezTo>
                <a:close/>
                <a:moveTo>
                  <a:pt x="1353645" y="0"/>
                </a:moveTo>
                <a:cubicBezTo>
                  <a:pt x="1735604" y="0"/>
                  <a:pt x="2043060" y="89194"/>
                  <a:pt x="2276013" y="267581"/>
                </a:cubicBezTo>
                <a:cubicBezTo>
                  <a:pt x="2508965" y="445969"/>
                  <a:pt x="2625442" y="684168"/>
                  <a:pt x="2625442" y="982180"/>
                </a:cubicBezTo>
                <a:cubicBezTo>
                  <a:pt x="2625442" y="1124890"/>
                  <a:pt x="2599209" y="1250810"/>
                  <a:pt x="2546741" y="1359941"/>
                </a:cubicBezTo>
                <a:cubicBezTo>
                  <a:pt x="2494275" y="1469073"/>
                  <a:pt x="2430265" y="1561415"/>
                  <a:pt x="2354713" y="1636967"/>
                </a:cubicBezTo>
                <a:cubicBezTo>
                  <a:pt x="2279161" y="1712519"/>
                  <a:pt x="2176326" y="1802762"/>
                  <a:pt x="2046208" y="1907696"/>
                </a:cubicBezTo>
                <a:cubicBezTo>
                  <a:pt x="1857327" y="2058800"/>
                  <a:pt x="1712519" y="2198362"/>
                  <a:pt x="1611782" y="2326381"/>
                </a:cubicBezTo>
                <a:cubicBezTo>
                  <a:pt x="1511045" y="2454400"/>
                  <a:pt x="1452283" y="2617048"/>
                  <a:pt x="1435494" y="2814323"/>
                </a:cubicBezTo>
                <a:lnTo>
                  <a:pt x="1126988" y="2814323"/>
                </a:lnTo>
                <a:cubicBezTo>
                  <a:pt x="1118594" y="2759758"/>
                  <a:pt x="1114396" y="2684205"/>
                  <a:pt x="1114396" y="2587666"/>
                </a:cubicBezTo>
                <a:cubicBezTo>
                  <a:pt x="1114396" y="2356812"/>
                  <a:pt x="1154271" y="2168981"/>
                  <a:pt x="1234020" y="2024172"/>
                </a:cubicBezTo>
                <a:cubicBezTo>
                  <a:pt x="1313770" y="1879364"/>
                  <a:pt x="1427099" y="1723012"/>
                  <a:pt x="1574006" y="1555118"/>
                </a:cubicBezTo>
                <a:cubicBezTo>
                  <a:pt x="1687335" y="1429198"/>
                  <a:pt x="1771281" y="1321116"/>
                  <a:pt x="1825847" y="1230873"/>
                </a:cubicBezTo>
                <a:cubicBezTo>
                  <a:pt x="1880412" y="1140630"/>
                  <a:pt x="1907695" y="1032548"/>
                  <a:pt x="1907695" y="906628"/>
                </a:cubicBezTo>
                <a:cubicBezTo>
                  <a:pt x="1907695" y="734537"/>
                  <a:pt x="1847883" y="589728"/>
                  <a:pt x="1728258" y="472202"/>
                </a:cubicBezTo>
                <a:cubicBezTo>
                  <a:pt x="1608634" y="354676"/>
                  <a:pt x="1454381" y="295914"/>
                  <a:pt x="1265500" y="295914"/>
                </a:cubicBezTo>
                <a:cubicBezTo>
                  <a:pt x="1101804" y="295914"/>
                  <a:pt x="967489" y="341035"/>
                  <a:pt x="862555" y="431278"/>
                </a:cubicBezTo>
                <a:cubicBezTo>
                  <a:pt x="757621" y="521521"/>
                  <a:pt x="705154" y="640096"/>
                  <a:pt x="705154" y="787003"/>
                </a:cubicBezTo>
                <a:cubicBezTo>
                  <a:pt x="705154" y="849964"/>
                  <a:pt x="713549" y="905579"/>
                  <a:pt x="730338" y="953848"/>
                </a:cubicBezTo>
                <a:cubicBezTo>
                  <a:pt x="747128" y="1002117"/>
                  <a:pt x="772312" y="1057732"/>
                  <a:pt x="805891" y="1120693"/>
                </a:cubicBezTo>
                <a:cubicBezTo>
                  <a:pt x="860457" y="1221429"/>
                  <a:pt x="887739" y="1303277"/>
                  <a:pt x="887739" y="1366238"/>
                </a:cubicBezTo>
                <a:cubicBezTo>
                  <a:pt x="887739" y="1462777"/>
                  <a:pt x="847864" y="1544625"/>
                  <a:pt x="768115" y="1611782"/>
                </a:cubicBezTo>
                <a:cubicBezTo>
                  <a:pt x="688365" y="1678940"/>
                  <a:pt x="596023" y="1712519"/>
                  <a:pt x="491090" y="1712519"/>
                </a:cubicBezTo>
                <a:cubicBezTo>
                  <a:pt x="356774" y="1712519"/>
                  <a:pt x="241347" y="1655855"/>
                  <a:pt x="144808" y="1542526"/>
                </a:cubicBezTo>
                <a:cubicBezTo>
                  <a:pt x="48269" y="1429198"/>
                  <a:pt x="0" y="1273896"/>
                  <a:pt x="0" y="1076620"/>
                </a:cubicBezTo>
                <a:cubicBezTo>
                  <a:pt x="0" y="870951"/>
                  <a:pt x="54565" y="687316"/>
                  <a:pt x="163696" y="525718"/>
                </a:cubicBezTo>
                <a:cubicBezTo>
                  <a:pt x="272827" y="364120"/>
                  <a:pt x="430228" y="236101"/>
                  <a:pt x="635898" y="141661"/>
                </a:cubicBezTo>
                <a:cubicBezTo>
                  <a:pt x="841568" y="47221"/>
                  <a:pt x="1080818" y="0"/>
                  <a:pt x="1353645" y="0"/>
                </a:cubicBez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68993FC1-B515-4726-8925-072B0AF4656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04337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med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>
            <a:extLst>
              <a:ext uri="{FF2B5EF4-FFF2-40B4-BE49-F238E27FC236}">
                <a16:creationId xmlns:a16="http://schemas.microsoft.com/office/drawing/2014/main" id="{C60C952E-1E61-4737-82E6-F975464D04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2E31439D-7B38-435C-98BB-69088FAF0CCF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CF13081E-F45B-4A8A-A3FA-3CA96B31D8D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180000"/>
            <a:ext cx="6706374" cy="2188800"/>
          </a:xfrm>
        </p:spPr>
        <p:txBody>
          <a:bodyPr/>
          <a:lstStyle>
            <a:lvl1pPr>
              <a:lnSpc>
                <a:spcPct val="100000"/>
              </a:lnSpc>
              <a:defRPr sz="13800" spc="-400" baseline="0"/>
            </a:lvl1pPr>
          </a:lstStyle>
          <a:p>
            <a:r>
              <a:rPr lang="da-DK" dirty="0"/>
              <a:t>#Agenda</a:t>
            </a: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FA7F1A15-B6CB-4F51-BC67-9840002449F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2620800"/>
            <a:ext cx="6375600" cy="316405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k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441FFB4-2A74-453F-BB64-C0812F0C97F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37200" y="4993200"/>
            <a:ext cx="5425200" cy="280800"/>
          </a:xfrm>
        </p:spPr>
        <p:txBody>
          <a:bodyPr anchor="b" anchorCtr="0"/>
          <a:lstStyle>
            <a:lvl1pPr marL="0" indent="0" algn="l">
              <a:lnSpc>
                <a:spcPct val="120000"/>
              </a:lnSpc>
              <a:buNone/>
              <a:defRPr sz="1600" b="0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navn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F1C2DC58-5A8A-4B0D-AE01-7E6147E37E6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437200" y="5255730"/>
            <a:ext cx="5425200" cy="280800"/>
          </a:xfrm>
        </p:spPr>
        <p:txBody>
          <a:bodyPr/>
          <a:lstStyle>
            <a:lvl1pPr marL="0" indent="0" algn="l">
              <a:lnSpc>
                <a:spcPct val="120000"/>
              </a:lnSpc>
              <a:buNone/>
              <a:defRPr sz="1600" b="0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xx@forsikringogpension.dk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FB7DBC3-6673-42D6-94D6-81B33A722056}"/>
              </a:ext>
            </a:extLst>
          </p:cNvPr>
          <p:cNvSpPr txBox="1"/>
          <p:nvPr userDrawn="1"/>
        </p:nvSpPr>
        <p:spPr>
          <a:xfrm>
            <a:off x="2269176" y="1977592"/>
            <a:ext cx="5593712" cy="2670608"/>
          </a:xfrm>
          <a:prstGeom prst="rect">
            <a:avLst/>
          </a:prstGeom>
          <a:noFill/>
        </p:spPr>
        <p:txBody>
          <a:bodyPr wrap="square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da-DK" sz="19900" b="1" spc="-900" dirty="0">
                <a:solidFill>
                  <a:schemeClr val="accent1"/>
                </a:solidFill>
              </a:rPr>
              <a:t>Tak</a:t>
            </a:r>
            <a:endParaRPr lang="da-DK" sz="3200" b="1" spc="-9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13306695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k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F0C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441FFB4-2A74-453F-BB64-C0812F0C97F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37200" y="4993200"/>
            <a:ext cx="5425200" cy="280800"/>
          </a:xfrm>
        </p:spPr>
        <p:txBody>
          <a:bodyPr anchor="b" anchorCtr="0"/>
          <a:lstStyle>
            <a:lvl1pPr marL="0" indent="0" algn="l">
              <a:lnSpc>
                <a:spcPct val="120000"/>
              </a:lnSpc>
              <a:buNone/>
              <a:defRPr sz="1600" b="0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navn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F1C2DC58-5A8A-4B0D-AE01-7E6147E37E6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437200" y="5255730"/>
            <a:ext cx="5425200" cy="280800"/>
          </a:xfrm>
        </p:spPr>
        <p:txBody>
          <a:bodyPr/>
          <a:lstStyle>
            <a:lvl1pPr marL="0" indent="0" algn="l">
              <a:lnSpc>
                <a:spcPct val="120000"/>
              </a:lnSpc>
              <a:buNone/>
              <a:defRPr sz="1600" b="0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xx@forsikringogpension.dk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FB7DBC3-6673-42D6-94D6-81B33A722056}"/>
              </a:ext>
            </a:extLst>
          </p:cNvPr>
          <p:cNvSpPr txBox="1"/>
          <p:nvPr userDrawn="1"/>
        </p:nvSpPr>
        <p:spPr>
          <a:xfrm>
            <a:off x="2269176" y="1977592"/>
            <a:ext cx="5593712" cy="2670608"/>
          </a:xfrm>
          <a:prstGeom prst="rect">
            <a:avLst/>
          </a:prstGeom>
          <a:noFill/>
        </p:spPr>
        <p:txBody>
          <a:bodyPr wrap="square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da-DK" sz="19900" b="1" spc="-900" dirty="0">
                <a:solidFill>
                  <a:schemeClr val="accent1"/>
                </a:solidFill>
              </a:rPr>
              <a:t>Tak</a:t>
            </a:r>
            <a:endParaRPr lang="da-DK" sz="3200" b="1" spc="-9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23939191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k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EF2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441FFB4-2A74-453F-BB64-C0812F0C97F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37200" y="4993200"/>
            <a:ext cx="5425200" cy="280800"/>
          </a:xfrm>
        </p:spPr>
        <p:txBody>
          <a:bodyPr anchor="b" anchorCtr="0"/>
          <a:lstStyle>
            <a:lvl1pPr marL="0" indent="0" algn="l">
              <a:lnSpc>
                <a:spcPct val="120000"/>
              </a:lnSpc>
              <a:buNone/>
              <a:defRPr sz="1600" b="0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navn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F1C2DC58-5A8A-4B0D-AE01-7E6147E37E6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437200" y="5255730"/>
            <a:ext cx="5425200" cy="280800"/>
          </a:xfrm>
        </p:spPr>
        <p:txBody>
          <a:bodyPr/>
          <a:lstStyle>
            <a:lvl1pPr marL="0" indent="0" algn="l">
              <a:lnSpc>
                <a:spcPct val="120000"/>
              </a:lnSpc>
              <a:buNone/>
              <a:defRPr sz="1600" b="0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xx@forsikringogpension.dk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FB7DBC3-6673-42D6-94D6-81B33A722056}"/>
              </a:ext>
            </a:extLst>
          </p:cNvPr>
          <p:cNvSpPr txBox="1"/>
          <p:nvPr userDrawn="1"/>
        </p:nvSpPr>
        <p:spPr>
          <a:xfrm>
            <a:off x="2269176" y="1977592"/>
            <a:ext cx="5593712" cy="2670608"/>
          </a:xfrm>
          <a:prstGeom prst="rect">
            <a:avLst/>
          </a:prstGeom>
          <a:noFill/>
        </p:spPr>
        <p:txBody>
          <a:bodyPr wrap="square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da-DK" sz="19900" b="1" spc="-900" dirty="0">
                <a:solidFill>
                  <a:schemeClr val="accent1"/>
                </a:solidFill>
              </a:rPr>
              <a:t>Tak</a:t>
            </a:r>
            <a:endParaRPr lang="da-DK" sz="3200" b="1" spc="-9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2430950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k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DDAF49EA-67A6-498C-ABCC-A75AFB9C2479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ADC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3E60D707-405F-46F6-B43E-656438D3376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441FFB4-2A74-453F-BB64-C0812F0C97F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37200" y="4993200"/>
            <a:ext cx="5425200" cy="280800"/>
          </a:xfrm>
        </p:spPr>
        <p:txBody>
          <a:bodyPr anchor="b" anchorCtr="0"/>
          <a:lstStyle>
            <a:lvl1pPr marL="0" indent="0" algn="l">
              <a:lnSpc>
                <a:spcPct val="120000"/>
              </a:lnSpc>
              <a:buNone/>
              <a:defRPr sz="1600" b="0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navn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F1C2DC58-5A8A-4B0D-AE01-7E6147E37E6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437200" y="5255730"/>
            <a:ext cx="5425200" cy="280800"/>
          </a:xfrm>
        </p:spPr>
        <p:txBody>
          <a:bodyPr/>
          <a:lstStyle>
            <a:lvl1pPr marL="0" indent="0" algn="l">
              <a:lnSpc>
                <a:spcPct val="120000"/>
              </a:lnSpc>
              <a:buNone/>
              <a:defRPr sz="1600" b="0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xx@forsikringogpension.dk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FB7DBC3-6673-42D6-94D6-81B33A722056}"/>
              </a:ext>
            </a:extLst>
          </p:cNvPr>
          <p:cNvSpPr txBox="1"/>
          <p:nvPr userDrawn="1"/>
        </p:nvSpPr>
        <p:spPr>
          <a:xfrm>
            <a:off x="2269176" y="1977592"/>
            <a:ext cx="5593712" cy="2670608"/>
          </a:xfrm>
          <a:prstGeom prst="rect">
            <a:avLst/>
          </a:prstGeom>
          <a:noFill/>
        </p:spPr>
        <p:txBody>
          <a:bodyPr wrap="square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da-DK" sz="19900" b="1" spc="-900" dirty="0">
                <a:solidFill>
                  <a:schemeClr val="accent1"/>
                </a:solidFill>
              </a:rPr>
              <a:t>Tak</a:t>
            </a:r>
            <a:endParaRPr lang="da-DK" sz="3200" b="1" spc="-9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1221499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k med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Background">
            <a:extLst>
              <a:ext uri="{FF2B5EF4-FFF2-40B4-BE49-F238E27FC236}">
                <a16:creationId xmlns:a16="http://schemas.microsoft.com/office/drawing/2014/main" id="{F24017B4-13C5-4748-8800-D8A09A0B3DC7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9" name="Picture Placeholder 28">
            <a:extLst>
              <a:ext uri="{FF2B5EF4-FFF2-40B4-BE49-F238E27FC236}">
                <a16:creationId xmlns:a16="http://schemas.microsoft.com/office/drawing/2014/main" id="{72576B97-3119-45D2-AEF3-A5C0EDF4DBF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200" y="2754"/>
            <a:ext cx="12193200" cy="6858000"/>
          </a:xfrm>
          <a:custGeom>
            <a:avLst/>
            <a:gdLst>
              <a:gd name="connsiteX0" fmla="*/ 3655602 w 12193200"/>
              <a:gd name="connsiteY0" fmla="*/ 6506306 h 6861600"/>
              <a:gd name="connsiteX1" fmla="*/ 3625084 w 12193200"/>
              <a:gd name="connsiteY1" fmla="*/ 6579572 h 6861600"/>
              <a:gd name="connsiteX2" fmla="*/ 3629884 w 12193200"/>
              <a:gd name="connsiteY2" fmla="*/ 6579572 h 6861600"/>
              <a:gd name="connsiteX3" fmla="*/ 3660402 w 12193200"/>
              <a:gd name="connsiteY3" fmla="*/ 6506306 h 6861600"/>
              <a:gd name="connsiteX4" fmla="*/ 3607977 w 12193200"/>
              <a:gd name="connsiteY4" fmla="*/ 6506306 h 6861600"/>
              <a:gd name="connsiteX5" fmla="*/ 3577459 w 12193200"/>
              <a:gd name="connsiteY5" fmla="*/ 6579572 h 6861600"/>
              <a:gd name="connsiteX6" fmla="*/ 3582259 w 12193200"/>
              <a:gd name="connsiteY6" fmla="*/ 6579572 h 6861600"/>
              <a:gd name="connsiteX7" fmla="*/ 3612777 w 12193200"/>
              <a:gd name="connsiteY7" fmla="*/ 6506306 h 6861600"/>
              <a:gd name="connsiteX8" fmla="*/ 3057956 w 12193200"/>
              <a:gd name="connsiteY8" fmla="*/ 6506306 h 6861600"/>
              <a:gd name="connsiteX9" fmla="*/ 3027438 w 12193200"/>
              <a:gd name="connsiteY9" fmla="*/ 6579572 h 6861600"/>
              <a:gd name="connsiteX10" fmla="*/ 3032238 w 12193200"/>
              <a:gd name="connsiteY10" fmla="*/ 6579572 h 6861600"/>
              <a:gd name="connsiteX11" fmla="*/ 3062756 w 12193200"/>
              <a:gd name="connsiteY11" fmla="*/ 6506306 h 6861600"/>
              <a:gd name="connsiteX12" fmla="*/ 3010331 w 12193200"/>
              <a:gd name="connsiteY12" fmla="*/ 6506306 h 6861600"/>
              <a:gd name="connsiteX13" fmla="*/ 2979813 w 12193200"/>
              <a:gd name="connsiteY13" fmla="*/ 6579572 h 6861600"/>
              <a:gd name="connsiteX14" fmla="*/ 2984613 w 12193200"/>
              <a:gd name="connsiteY14" fmla="*/ 6579572 h 6861600"/>
              <a:gd name="connsiteX15" fmla="*/ 3015131 w 12193200"/>
              <a:gd name="connsiteY15" fmla="*/ 6506306 h 6861600"/>
              <a:gd name="connsiteX16" fmla="*/ 1096258 w 12193200"/>
              <a:gd name="connsiteY16" fmla="*/ 6373888 h 6861600"/>
              <a:gd name="connsiteX17" fmla="*/ 1136597 w 12193200"/>
              <a:gd name="connsiteY17" fmla="*/ 6373888 h 6861600"/>
              <a:gd name="connsiteX18" fmla="*/ 1172891 w 12193200"/>
              <a:gd name="connsiteY18" fmla="*/ 6405382 h 6861600"/>
              <a:gd name="connsiteX19" fmla="*/ 1124001 w 12193200"/>
              <a:gd name="connsiteY19" fmla="*/ 6442877 h 6861600"/>
              <a:gd name="connsiteX20" fmla="*/ 1084189 w 12193200"/>
              <a:gd name="connsiteY20" fmla="*/ 6442877 h 6861600"/>
              <a:gd name="connsiteX21" fmla="*/ 1048640 w 12193200"/>
              <a:gd name="connsiteY21" fmla="*/ 6325326 h 6861600"/>
              <a:gd name="connsiteX22" fmla="*/ 1004364 w 12193200"/>
              <a:gd name="connsiteY22" fmla="*/ 6576458 h 6861600"/>
              <a:gd name="connsiteX23" fmla="*/ 1060430 w 12193200"/>
              <a:gd name="connsiteY23" fmla="*/ 6576458 h 6861600"/>
              <a:gd name="connsiteX24" fmla="*/ 1075325 w 12193200"/>
              <a:gd name="connsiteY24" fmla="*/ 6491361 h 6861600"/>
              <a:gd name="connsiteX25" fmla="*/ 1109228 w 12193200"/>
              <a:gd name="connsiteY25" fmla="*/ 6491361 h 6861600"/>
              <a:gd name="connsiteX26" fmla="*/ 1231474 w 12193200"/>
              <a:gd name="connsiteY26" fmla="*/ 6400670 h 6861600"/>
              <a:gd name="connsiteX27" fmla="*/ 1141035 w 12193200"/>
              <a:gd name="connsiteY27" fmla="*/ 6325326 h 6861600"/>
              <a:gd name="connsiteX28" fmla="*/ 588883 w 12193200"/>
              <a:gd name="connsiteY28" fmla="*/ 6325325 h 6861600"/>
              <a:gd name="connsiteX29" fmla="*/ 544615 w 12193200"/>
              <a:gd name="connsiteY29" fmla="*/ 6576459 h 6861600"/>
              <a:gd name="connsiteX30" fmla="*/ 600661 w 12193200"/>
              <a:gd name="connsiteY30" fmla="*/ 6576459 h 6861600"/>
              <a:gd name="connsiteX31" fmla="*/ 615455 w 12193200"/>
              <a:gd name="connsiteY31" fmla="*/ 6491360 h 6861600"/>
              <a:gd name="connsiteX32" fmla="*/ 708015 w 12193200"/>
              <a:gd name="connsiteY32" fmla="*/ 6491360 h 6861600"/>
              <a:gd name="connsiteX33" fmla="*/ 716556 w 12193200"/>
              <a:gd name="connsiteY33" fmla="*/ 6442876 h 6861600"/>
              <a:gd name="connsiteX34" fmla="*/ 623938 w 12193200"/>
              <a:gd name="connsiteY34" fmla="*/ 6442876 h 6861600"/>
              <a:gd name="connsiteX35" fmla="*/ 636430 w 12193200"/>
              <a:gd name="connsiteY35" fmla="*/ 6373811 h 6861600"/>
              <a:gd name="connsiteX36" fmla="*/ 756090 w 12193200"/>
              <a:gd name="connsiteY36" fmla="*/ 6373811 h 6861600"/>
              <a:gd name="connsiteX37" fmla="*/ 764636 w 12193200"/>
              <a:gd name="connsiteY37" fmla="*/ 6325325 h 6861600"/>
              <a:gd name="connsiteX38" fmla="*/ 864535 w 12193200"/>
              <a:gd name="connsiteY38" fmla="*/ 6319177 h 6861600"/>
              <a:gd name="connsiteX39" fmla="*/ 773636 w 12193200"/>
              <a:gd name="connsiteY39" fmla="*/ 6385426 h 6861600"/>
              <a:gd name="connsiteX40" fmla="*/ 803914 w 12193200"/>
              <a:gd name="connsiteY40" fmla="*/ 6432731 h 6861600"/>
              <a:gd name="connsiteX41" fmla="*/ 734839 w 12193200"/>
              <a:gd name="connsiteY41" fmla="*/ 6503830 h 6861600"/>
              <a:gd name="connsiteX42" fmla="*/ 843541 w 12193200"/>
              <a:gd name="connsiteY42" fmla="*/ 6582607 h 6861600"/>
              <a:gd name="connsiteX43" fmla="*/ 972007 w 12193200"/>
              <a:gd name="connsiteY43" fmla="*/ 6499787 h 6861600"/>
              <a:gd name="connsiteX44" fmla="*/ 923557 w 12193200"/>
              <a:gd name="connsiteY44" fmla="*/ 6452936 h 6861600"/>
              <a:gd name="connsiteX45" fmla="*/ 1026963 w 12193200"/>
              <a:gd name="connsiteY45" fmla="*/ 6366823 h 6861600"/>
              <a:gd name="connsiteX46" fmla="*/ 980135 w 12193200"/>
              <a:gd name="connsiteY46" fmla="*/ 6325645 h 6861600"/>
              <a:gd name="connsiteX47" fmla="*/ 949955 w 12193200"/>
              <a:gd name="connsiteY47" fmla="*/ 6332158 h 6861600"/>
              <a:gd name="connsiteX48" fmla="*/ 946923 w 12193200"/>
              <a:gd name="connsiteY48" fmla="*/ 6349349 h 6861600"/>
              <a:gd name="connsiteX49" fmla="*/ 977307 w 12193200"/>
              <a:gd name="connsiteY49" fmla="*/ 6368035 h 6861600"/>
              <a:gd name="connsiteX50" fmla="*/ 929612 w 12193200"/>
              <a:gd name="connsiteY50" fmla="*/ 6417768 h 6861600"/>
              <a:gd name="connsiteX51" fmla="*/ 883921 w 12193200"/>
              <a:gd name="connsiteY51" fmla="*/ 6444812 h 6861600"/>
              <a:gd name="connsiteX52" fmla="*/ 854461 w 12193200"/>
              <a:gd name="connsiteY52" fmla="*/ 6479161 h 6861600"/>
              <a:gd name="connsiteX53" fmla="*/ 858762 w 12193200"/>
              <a:gd name="connsiteY53" fmla="*/ 6490533 h 6861600"/>
              <a:gd name="connsiteX54" fmla="*/ 874635 w 12193200"/>
              <a:gd name="connsiteY54" fmla="*/ 6490533 h 6861600"/>
              <a:gd name="connsiteX55" fmla="*/ 896056 w 12193200"/>
              <a:gd name="connsiteY55" fmla="*/ 6465414 h 6861600"/>
              <a:gd name="connsiteX56" fmla="*/ 917903 w 12193200"/>
              <a:gd name="connsiteY56" fmla="*/ 6494122 h 6861600"/>
              <a:gd name="connsiteX57" fmla="*/ 846369 w 12193200"/>
              <a:gd name="connsiteY57" fmla="*/ 6566090 h 6861600"/>
              <a:gd name="connsiteX58" fmla="*/ 788941 w 12193200"/>
              <a:gd name="connsiteY58" fmla="*/ 6507869 h 6861600"/>
              <a:gd name="connsiteX59" fmla="*/ 847337 w 12193200"/>
              <a:gd name="connsiteY59" fmla="*/ 6442878 h 6861600"/>
              <a:gd name="connsiteX60" fmla="*/ 849488 w 12193200"/>
              <a:gd name="connsiteY60" fmla="*/ 6430680 h 6861600"/>
              <a:gd name="connsiteX61" fmla="*/ 823695 w 12193200"/>
              <a:gd name="connsiteY61" fmla="*/ 6382593 h 6861600"/>
              <a:gd name="connsiteX62" fmla="*/ 856476 w 12193200"/>
              <a:gd name="connsiteY62" fmla="*/ 6334887 h 6861600"/>
              <a:gd name="connsiteX63" fmla="*/ 876234 w 12193200"/>
              <a:gd name="connsiteY63" fmla="*/ 6364405 h 6861600"/>
              <a:gd name="connsiteX64" fmla="*/ 896459 w 12193200"/>
              <a:gd name="connsiteY64" fmla="*/ 6389469 h 6861600"/>
              <a:gd name="connsiteX65" fmla="*/ 925174 w 12193200"/>
              <a:gd name="connsiteY65" fmla="*/ 6357933 h 6861600"/>
              <a:gd name="connsiteX66" fmla="*/ 864535 w 12193200"/>
              <a:gd name="connsiteY66" fmla="*/ 6319177 h 6861600"/>
              <a:gd name="connsiteX67" fmla="*/ 4621778 w 12193200"/>
              <a:gd name="connsiteY67" fmla="*/ 3601883 h 6861600"/>
              <a:gd name="connsiteX68" fmla="*/ 4674548 w 12193200"/>
              <a:gd name="connsiteY68" fmla="*/ 3615607 h 6861600"/>
              <a:gd name="connsiteX69" fmla="*/ 4696003 w 12193200"/>
              <a:gd name="connsiteY69" fmla="*/ 3678711 h 6861600"/>
              <a:gd name="connsiteX70" fmla="*/ 4696003 w 12193200"/>
              <a:gd name="connsiteY70" fmla="*/ 3744338 h 6861600"/>
              <a:gd name="connsiteX71" fmla="*/ 4620280 w 12193200"/>
              <a:gd name="connsiteY71" fmla="*/ 3942482 h 6861600"/>
              <a:gd name="connsiteX72" fmla="*/ 4428447 w 12193200"/>
              <a:gd name="connsiteY72" fmla="*/ 4021992 h 6861600"/>
              <a:gd name="connsiteX73" fmla="*/ 4295930 w 12193200"/>
              <a:gd name="connsiteY73" fmla="*/ 3974033 h 6861600"/>
              <a:gd name="connsiteX74" fmla="*/ 4251758 w 12193200"/>
              <a:gd name="connsiteY74" fmla="*/ 3852875 h 6861600"/>
              <a:gd name="connsiteX75" fmla="*/ 4328743 w 12193200"/>
              <a:gd name="connsiteY75" fmla="*/ 3691331 h 6861600"/>
              <a:gd name="connsiteX76" fmla="*/ 4595038 w 12193200"/>
              <a:gd name="connsiteY76" fmla="*/ 3602987 h 6861600"/>
              <a:gd name="connsiteX77" fmla="*/ 4621778 w 12193200"/>
              <a:gd name="connsiteY77" fmla="*/ 3601883 h 6861600"/>
              <a:gd name="connsiteX78" fmla="*/ 2512064 w 12193200"/>
              <a:gd name="connsiteY78" fmla="*/ 2603433 h 6861600"/>
              <a:gd name="connsiteX79" fmla="*/ 2469154 w 12193200"/>
              <a:gd name="connsiteY79" fmla="*/ 2643819 h 6861600"/>
              <a:gd name="connsiteX80" fmla="*/ 2423719 w 12193200"/>
              <a:gd name="connsiteY80" fmla="*/ 2989624 h 6861600"/>
              <a:gd name="connsiteX81" fmla="*/ 2507015 w 12193200"/>
              <a:gd name="connsiteY81" fmla="*/ 2989624 h 6861600"/>
              <a:gd name="connsiteX82" fmla="*/ 2581477 w 12193200"/>
              <a:gd name="connsiteY82" fmla="*/ 2826818 h 6861600"/>
              <a:gd name="connsiteX83" fmla="*/ 2671084 w 12193200"/>
              <a:gd name="connsiteY83" fmla="*/ 2746046 h 6861600"/>
              <a:gd name="connsiteX84" fmla="*/ 2814959 w 12193200"/>
              <a:gd name="connsiteY84" fmla="*/ 2722067 h 6861600"/>
              <a:gd name="connsiteX85" fmla="*/ 2936117 w 12193200"/>
              <a:gd name="connsiteY85" fmla="*/ 2733426 h 6861600"/>
              <a:gd name="connsiteX86" fmla="*/ 2986599 w 12193200"/>
              <a:gd name="connsiteY86" fmla="*/ 2777598 h 6861600"/>
              <a:gd name="connsiteX87" fmla="*/ 2999220 w 12193200"/>
              <a:gd name="connsiteY87" fmla="*/ 2881087 h 6861600"/>
              <a:gd name="connsiteX88" fmla="*/ 2999220 w 12193200"/>
              <a:gd name="connsiteY88" fmla="*/ 3941220 h 6861600"/>
              <a:gd name="connsiteX89" fmla="*/ 2942427 w 12193200"/>
              <a:gd name="connsiteY89" fmla="*/ 4051019 h 6861600"/>
              <a:gd name="connsiteX90" fmla="*/ 2734187 w 12193200"/>
              <a:gd name="connsiteY90" fmla="*/ 4095191 h 6861600"/>
              <a:gd name="connsiteX91" fmla="*/ 2734187 w 12193200"/>
              <a:gd name="connsiteY91" fmla="*/ 4175963 h 6861600"/>
              <a:gd name="connsiteX92" fmla="*/ 3607534 w 12193200"/>
              <a:gd name="connsiteY92" fmla="*/ 4175963 h 6861600"/>
              <a:gd name="connsiteX93" fmla="*/ 3607534 w 12193200"/>
              <a:gd name="connsiteY93" fmla="*/ 4095191 h 6861600"/>
              <a:gd name="connsiteX94" fmla="*/ 3399294 w 12193200"/>
              <a:gd name="connsiteY94" fmla="*/ 4051019 h 6861600"/>
              <a:gd name="connsiteX95" fmla="*/ 3342501 w 12193200"/>
              <a:gd name="connsiteY95" fmla="*/ 3941220 h 6861600"/>
              <a:gd name="connsiteX96" fmla="*/ 3342501 w 12193200"/>
              <a:gd name="connsiteY96" fmla="*/ 2881087 h 6861600"/>
              <a:gd name="connsiteX97" fmla="*/ 3355121 w 12193200"/>
              <a:gd name="connsiteY97" fmla="*/ 2777598 h 6861600"/>
              <a:gd name="connsiteX98" fmla="*/ 3405604 w 12193200"/>
              <a:gd name="connsiteY98" fmla="*/ 2733426 h 6861600"/>
              <a:gd name="connsiteX99" fmla="*/ 3526762 w 12193200"/>
              <a:gd name="connsiteY99" fmla="*/ 2722067 h 6861600"/>
              <a:gd name="connsiteX100" fmla="*/ 3670637 w 12193200"/>
              <a:gd name="connsiteY100" fmla="*/ 2746046 h 6861600"/>
              <a:gd name="connsiteX101" fmla="*/ 3760244 w 12193200"/>
              <a:gd name="connsiteY101" fmla="*/ 2826818 h 6861600"/>
              <a:gd name="connsiteX102" fmla="*/ 3834705 w 12193200"/>
              <a:gd name="connsiteY102" fmla="*/ 2989624 h 6861600"/>
              <a:gd name="connsiteX103" fmla="*/ 3918002 w 12193200"/>
              <a:gd name="connsiteY103" fmla="*/ 2989624 h 6861600"/>
              <a:gd name="connsiteX104" fmla="*/ 3872567 w 12193200"/>
              <a:gd name="connsiteY104" fmla="*/ 2643819 h 6861600"/>
              <a:gd name="connsiteX105" fmla="*/ 3829657 w 12193200"/>
              <a:gd name="connsiteY105" fmla="*/ 2603433 h 6861600"/>
              <a:gd name="connsiteX106" fmla="*/ 3824609 w 12193200"/>
              <a:gd name="connsiteY106" fmla="*/ 2603433 h 6861600"/>
              <a:gd name="connsiteX107" fmla="*/ 3673161 w 12193200"/>
              <a:gd name="connsiteY107" fmla="*/ 2608482 h 6861600"/>
              <a:gd name="connsiteX108" fmla="*/ 2668559 w 12193200"/>
              <a:gd name="connsiteY108" fmla="*/ 2608482 h 6861600"/>
              <a:gd name="connsiteX109" fmla="*/ 2565070 w 12193200"/>
              <a:gd name="connsiteY109" fmla="*/ 2605957 h 6861600"/>
              <a:gd name="connsiteX110" fmla="*/ 2512064 w 12193200"/>
              <a:gd name="connsiteY110" fmla="*/ 2603433 h 6861600"/>
              <a:gd name="connsiteX111" fmla="*/ 5484721 w 12193200"/>
              <a:gd name="connsiteY111" fmla="*/ 2522661 h 6861600"/>
              <a:gd name="connsiteX112" fmla="*/ 5456956 w 12193200"/>
              <a:gd name="connsiteY112" fmla="*/ 2525185 h 6861600"/>
              <a:gd name="connsiteX113" fmla="*/ 5103578 w 12193200"/>
              <a:gd name="connsiteY113" fmla="*/ 2590813 h 6861600"/>
              <a:gd name="connsiteX114" fmla="*/ 5103578 w 12193200"/>
              <a:gd name="connsiteY114" fmla="*/ 2669061 h 6861600"/>
              <a:gd name="connsiteX115" fmla="*/ 5228522 w 12193200"/>
              <a:gd name="connsiteY115" fmla="*/ 2690516 h 6861600"/>
              <a:gd name="connsiteX116" fmla="*/ 5265122 w 12193200"/>
              <a:gd name="connsiteY116" fmla="*/ 2805363 h 6861600"/>
              <a:gd name="connsiteX117" fmla="*/ 5265122 w 12193200"/>
              <a:gd name="connsiteY117" fmla="*/ 3936171 h 6861600"/>
              <a:gd name="connsiteX118" fmla="*/ 5229784 w 12193200"/>
              <a:gd name="connsiteY118" fmla="*/ 4056067 h 6861600"/>
              <a:gd name="connsiteX119" fmla="*/ 5145542 w 12193200"/>
              <a:gd name="connsiteY119" fmla="*/ 4092273 h 6861600"/>
              <a:gd name="connsiteX120" fmla="*/ 5115009 w 12193200"/>
              <a:gd name="connsiteY120" fmla="*/ 4096233 h 6861600"/>
              <a:gd name="connsiteX121" fmla="*/ 5115009 w 12193200"/>
              <a:gd name="connsiteY121" fmla="*/ 4054805 h 6861600"/>
              <a:gd name="connsiteX122" fmla="*/ 5074622 w 12193200"/>
              <a:gd name="connsiteY122" fmla="*/ 4062378 h 6861600"/>
              <a:gd name="connsiteX123" fmla="*/ 5019091 w 12193200"/>
              <a:gd name="connsiteY123" fmla="*/ 4034612 h 6861600"/>
              <a:gd name="connsiteX124" fmla="*/ 4998898 w 12193200"/>
              <a:gd name="connsiteY124" fmla="*/ 3956364 h 6861600"/>
              <a:gd name="connsiteX125" fmla="*/ 4998898 w 12193200"/>
              <a:gd name="connsiteY125" fmla="*/ 3474256 h 6861600"/>
              <a:gd name="connsiteX126" fmla="*/ 4953464 w 12193200"/>
              <a:gd name="connsiteY126" fmla="*/ 3200389 h 6861600"/>
              <a:gd name="connsiteX127" fmla="*/ 4815899 w 12193200"/>
              <a:gd name="connsiteY127" fmla="*/ 3057776 h 6861600"/>
              <a:gd name="connsiteX128" fmla="*/ 4574846 w 12193200"/>
              <a:gd name="connsiteY128" fmla="*/ 3014866 h 6861600"/>
              <a:gd name="connsiteX129" fmla="*/ 4181082 w 12193200"/>
              <a:gd name="connsiteY129" fmla="*/ 3090589 h 6861600"/>
              <a:gd name="connsiteX130" fmla="*/ 4014490 w 12193200"/>
              <a:gd name="connsiteY130" fmla="*/ 3302616 h 6861600"/>
              <a:gd name="connsiteX131" fmla="*/ 4052352 w 12193200"/>
              <a:gd name="connsiteY131" fmla="*/ 3402319 h 6861600"/>
              <a:gd name="connsiteX132" fmla="*/ 4158365 w 12193200"/>
              <a:gd name="connsiteY132" fmla="*/ 3441443 h 6861600"/>
              <a:gd name="connsiteX133" fmla="*/ 4273213 w 12193200"/>
              <a:gd name="connsiteY133" fmla="*/ 3402319 h 6861600"/>
              <a:gd name="connsiteX134" fmla="*/ 4319909 w 12193200"/>
              <a:gd name="connsiteY134" fmla="*/ 3287471 h 6861600"/>
              <a:gd name="connsiteX135" fmla="*/ 4496597 w 12193200"/>
              <a:gd name="connsiteY135" fmla="*/ 3108258 h 6861600"/>
              <a:gd name="connsiteX136" fmla="*/ 4648045 w 12193200"/>
              <a:gd name="connsiteY136" fmla="*/ 3176410 h 6861600"/>
              <a:gd name="connsiteX137" fmla="*/ 4696003 w 12193200"/>
              <a:gd name="connsiteY137" fmla="*/ 3383388 h 6861600"/>
              <a:gd name="connsiteX138" fmla="*/ 4696003 w 12193200"/>
              <a:gd name="connsiteY138" fmla="*/ 3418726 h 6861600"/>
              <a:gd name="connsiteX139" fmla="*/ 4677072 w 12193200"/>
              <a:gd name="connsiteY139" fmla="*/ 3488139 h 6861600"/>
              <a:gd name="connsiteX140" fmla="*/ 4605136 w 12193200"/>
              <a:gd name="connsiteY140" fmla="*/ 3514642 h 6861600"/>
              <a:gd name="connsiteX141" fmla="*/ 4092738 w 12193200"/>
              <a:gd name="connsiteY141" fmla="*/ 3662304 h 6861600"/>
              <a:gd name="connsiteX142" fmla="*/ 3941290 w 12193200"/>
              <a:gd name="connsiteY142" fmla="*/ 3913454 h 6861600"/>
              <a:gd name="connsiteX143" fmla="*/ 4035945 w 12193200"/>
              <a:gd name="connsiteY143" fmla="*/ 4121694 h 6861600"/>
              <a:gd name="connsiteX144" fmla="*/ 4271950 w 12193200"/>
              <a:gd name="connsiteY144" fmla="*/ 4191108 h 6861600"/>
              <a:gd name="connsiteX145" fmla="*/ 4496597 w 12193200"/>
              <a:gd name="connsiteY145" fmla="*/ 4138101 h 6861600"/>
              <a:gd name="connsiteX146" fmla="*/ 4655617 w 12193200"/>
              <a:gd name="connsiteY146" fmla="*/ 4009371 h 6861600"/>
              <a:gd name="connsiteX147" fmla="*/ 4683383 w 12193200"/>
              <a:gd name="connsiteY147" fmla="*/ 3991702 h 6861600"/>
              <a:gd name="connsiteX148" fmla="*/ 4701052 w 12193200"/>
              <a:gd name="connsiteY148" fmla="*/ 4016943 h 6861600"/>
              <a:gd name="connsiteX149" fmla="*/ 4764155 w 12193200"/>
              <a:gd name="connsiteY149" fmla="*/ 4140625 h 6861600"/>
              <a:gd name="connsiteX150" fmla="*/ 4920651 w 12193200"/>
              <a:gd name="connsiteY150" fmla="*/ 4191108 h 6861600"/>
              <a:gd name="connsiteX151" fmla="*/ 5039284 w 12193200"/>
              <a:gd name="connsiteY151" fmla="*/ 4168391 h 6861600"/>
              <a:gd name="connsiteX152" fmla="*/ 5101756 w 12193200"/>
              <a:gd name="connsiteY152" fmla="*/ 4121537 h 6861600"/>
              <a:gd name="connsiteX153" fmla="*/ 5103578 w 12193200"/>
              <a:gd name="connsiteY153" fmla="*/ 4118609 h 6861600"/>
              <a:gd name="connsiteX154" fmla="*/ 5103578 w 12193200"/>
              <a:gd name="connsiteY154" fmla="*/ 4175963 h 6861600"/>
              <a:gd name="connsiteX155" fmla="*/ 5727037 w 12193200"/>
              <a:gd name="connsiteY155" fmla="*/ 4175963 h 6861600"/>
              <a:gd name="connsiteX156" fmla="*/ 5727037 w 12193200"/>
              <a:gd name="connsiteY156" fmla="*/ 4097715 h 6861600"/>
              <a:gd name="connsiteX157" fmla="*/ 5603355 w 12193200"/>
              <a:gd name="connsiteY157" fmla="*/ 4056067 h 6861600"/>
              <a:gd name="connsiteX158" fmla="*/ 5568017 w 12193200"/>
              <a:gd name="connsiteY158" fmla="*/ 3936171 h 6861600"/>
              <a:gd name="connsiteX159" fmla="*/ 5568017 w 12193200"/>
              <a:gd name="connsiteY159" fmla="*/ 3809965 h 6861600"/>
              <a:gd name="connsiteX160" fmla="*/ 5585686 w 12193200"/>
              <a:gd name="connsiteY160" fmla="*/ 3725407 h 6861600"/>
              <a:gd name="connsiteX161" fmla="*/ 5651313 w 12193200"/>
              <a:gd name="connsiteY161" fmla="*/ 3655994 h 6861600"/>
              <a:gd name="connsiteX162" fmla="*/ 5679078 w 12193200"/>
              <a:gd name="connsiteY162" fmla="*/ 3643373 h 6861600"/>
              <a:gd name="connsiteX163" fmla="*/ 5729561 w 12193200"/>
              <a:gd name="connsiteY163" fmla="*/ 3688807 h 6861600"/>
              <a:gd name="connsiteX164" fmla="*/ 5918871 w 12193200"/>
              <a:gd name="connsiteY164" fmla="*/ 3974033 h 6861600"/>
              <a:gd name="connsiteX165" fmla="*/ 5944112 w 12193200"/>
              <a:gd name="connsiteY165" fmla="*/ 4039660 h 6861600"/>
              <a:gd name="connsiteX166" fmla="*/ 5870912 w 12193200"/>
              <a:gd name="connsiteY166" fmla="*/ 4097715 h 6861600"/>
              <a:gd name="connsiteX167" fmla="*/ 5870912 w 12193200"/>
              <a:gd name="connsiteY167" fmla="*/ 4175963 h 6861600"/>
              <a:gd name="connsiteX168" fmla="*/ 6491847 w 12193200"/>
              <a:gd name="connsiteY168" fmla="*/ 4175963 h 6861600"/>
              <a:gd name="connsiteX169" fmla="*/ 6491847 w 12193200"/>
              <a:gd name="connsiteY169" fmla="*/ 4097715 h 6861600"/>
              <a:gd name="connsiteX170" fmla="*/ 6359330 w 12193200"/>
              <a:gd name="connsiteY170" fmla="*/ 4058591 h 6861600"/>
              <a:gd name="connsiteX171" fmla="*/ 6264676 w 12193200"/>
              <a:gd name="connsiteY171" fmla="*/ 3961413 h 6861600"/>
              <a:gd name="connsiteX172" fmla="*/ 5903726 w 12193200"/>
              <a:gd name="connsiteY172" fmla="*/ 3438919 h 6861600"/>
              <a:gd name="connsiteX173" fmla="*/ 6110704 w 12193200"/>
              <a:gd name="connsiteY173" fmla="*/ 3259706 h 6861600"/>
              <a:gd name="connsiteX174" fmla="*/ 6250793 w 12193200"/>
              <a:gd name="connsiteY174" fmla="*/ 3154955 h 6861600"/>
              <a:gd name="connsiteX175" fmla="*/ 6390882 w 12193200"/>
              <a:gd name="connsiteY175" fmla="*/ 3115831 h 6861600"/>
              <a:gd name="connsiteX176" fmla="*/ 6390882 w 12193200"/>
              <a:gd name="connsiteY176" fmla="*/ 3037583 h 6861600"/>
              <a:gd name="connsiteX177" fmla="*/ 5868388 w 12193200"/>
              <a:gd name="connsiteY177" fmla="*/ 3037583 h 6861600"/>
              <a:gd name="connsiteX178" fmla="*/ 5868388 w 12193200"/>
              <a:gd name="connsiteY178" fmla="*/ 3115831 h 6861600"/>
              <a:gd name="connsiteX179" fmla="*/ 5964306 w 12193200"/>
              <a:gd name="connsiteY179" fmla="*/ 3143596 h 6861600"/>
              <a:gd name="connsiteX180" fmla="*/ 5997119 w 12193200"/>
              <a:gd name="connsiteY180" fmla="*/ 3196603 h 6861600"/>
              <a:gd name="connsiteX181" fmla="*/ 5969353 w 12193200"/>
              <a:gd name="connsiteY181" fmla="*/ 3249609 h 6861600"/>
              <a:gd name="connsiteX182" fmla="*/ 5656362 w 12193200"/>
              <a:gd name="connsiteY182" fmla="*/ 3522215 h 6861600"/>
              <a:gd name="connsiteX183" fmla="*/ 5618500 w 12193200"/>
              <a:gd name="connsiteY183" fmla="*/ 3537360 h 6861600"/>
              <a:gd name="connsiteX184" fmla="*/ 5581900 w 12193200"/>
              <a:gd name="connsiteY184" fmla="*/ 3518429 h 6861600"/>
              <a:gd name="connsiteX185" fmla="*/ 5568017 w 12193200"/>
              <a:gd name="connsiteY185" fmla="*/ 3464160 h 6861600"/>
              <a:gd name="connsiteX186" fmla="*/ 5568017 w 12193200"/>
              <a:gd name="connsiteY186" fmla="*/ 2613530 h 6861600"/>
              <a:gd name="connsiteX187" fmla="*/ 5484721 w 12193200"/>
              <a:gd name="connsiteY187" fmla="*/ 2522661 h 6861600"/>
              <a:gd name="connsiteX188" fmla="*/ 0 w 12193200"/>
              <a:gd name="connsiteY188" fmla="*/ 0 h 6861600"/>
              <a:gd name="connsiteX189" fmla="*/ 12193200 w 12193200"/>
              <a:gd name="connsiteY189" fmla="*/ 0 h 6861600"/>
              <a:gd name="connsiteX190" fmla="*/ 12193200 w 12193200"/>
              <a:gd name="connsiteY190" fmla="*/ 6861600 h 6861600"/>
              <a:gd name="connsiteX191" fmla="*/ 0 w 12193200"/>
              <a:gd name="connsiteY191" fmla="*/ 686160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</a:cxnLst>
            <a:rect l="l" t="t" r="r" b="b"/>
            <a:pathLst>
              <a:path w="12193200" h="6861600">
                <a:moveTo>
                  <a:pt x="3655602" y="6506306"/>
                </a:moveTo>
                <a:lnTo>
                  <a:pt x="3625084" y="6579572"/>
                </a:lnTo>
                <a:lnTo>
                  <a:pt x="3629884" y="6579572"/>
                </a:lnTo>
                <a:lnTo>
                  <a:pt x="3660402" y="6506306"/>
                </a:lnTo>
                <a:close/>
                <a:moveTo>
                  <a:pt x="3607977" y="6506306"/>
                </a:moveTo>
                <a:lnTo>
                  <a:pt x="3577459" y="6579572"/>
                </a:lnTo>
                <a:lnTo>
                  <a:pt x="3582259" y="6579572"/>
                </a:lnTo>
                <a:lnTo>
                  <a:pt x="3612777" y="6506306"/>
                </a:lnTo>
                <a:close/>
                <a:moveTo>
                  <a:pt x="3057956" y="6506306"/>
                </a:moveTo>
                <a:lnTo>
                  <a:pt x="3027438" y="6579572"/>
                </a:lnTo>
                <a:lnTo>
                  <a:pt x="3032238" y="6579572"/>
                </a:lnTo>
                <a:lnTo>
                  <a:pt x="3062756" y="6506306"/>
                </a:lnTo>
                <a:close/>
                <a:moveTo>
                  <a:pt x="3010331" y="6506306"/>
                </a:moveTo>
                <a:lnTo>
                  <a:pt x="2979813" y="6579572"/>
                </a:lnTo>
                <a:lnTo>
                  <a:pt x="2984613" y="6579572"/>
                </a:lnTo>
                <a:lnTo>
                  <a:pt x="3015131" y="6506306"/>
                </a:lnTo>
                <a:close/>
                <a:moveTo>
                  <a:pt x="1096258" y="6373888"/>
                </a:moveTo>
                <a:lnTo>
                  <a:pt x="1136597" y="6373888"/>
                </a:lnTo>
                <a:cubicBezTo>
                  <a:pt x="1159994" y="6373888"/>
                  <a:pt x="1172891" y="6386785"/>
                  <a:pt x="1172891" y="6405382"/>
                </a:cubicBezTo>
                <a:cubicBezTo>
                  <a:pt x="1172891" y="6429681"/>
                  <a:pt x="1155793" y="6442877"/>
                  <a:pt x="1124001" y="6442877"/>
                </a:cubicBezTo>
                <a:lnTo>
                  <a:pt x="1084189" y="6442877"/>
                </a:lnTo>
                <a:close/>
                <a:moveTo>
                  <a:pt x="1048640" y="6325326"/>
                </a:moveTo>
                <a:lnTo>
                  <a:pt x="1004364" y="6576458"/>
                </a:lnTo>
                <a:lnTo>
                  <a:pt x="1060430" y="6576458"/>
                </a:lnTo>
                <a:lnTo>
                  <a:pt x="1075325" y="6491361"/>
                </a:lnTo>
                <a:lnTo>
                  <a:pt x="1109228" y="6491361"/>
                </a:lnTo>
                <a:cubicBezTo>
                  <a:pt x="1187347" y="6491361"/>
                  <a:pt x="1231474" y="6463304"/>
                  <a:pt x="1231474" y="6400670"/>
                </a:cubicBezTo>
                <a:cubicBezTo>
                  <a:pt x="1231474" y="6364596"/>
                  <a:pt x="1215787" y="6325326"/>
                  <a:pt x="1141035" y="6325326"/>
                </a:cubicBezTo>
                <a:close/>
                <a:moveTo>
                  <a:pt x="588883" y="6325325"/>
                </a:moveTo>
                <a:lnTo>
                  <a:pt x="544615" y="6576459"/>
                </a:lnTo>
                <a:lnTo>
                  <a:pt x="600661" y="6576459"/>
                </a:lnTo>
                <a:lnTo>
                  <a:pt x="615455" y="6491360"/>
                </a:lnTo>
                <a:lnTo>
                  <a:pt x="708015" y="6491360"/>
                </a:lnTo>
                <a:lnTo>
                  <a:pt x="716556" y="6442876"/>
                </a:lnTo>
                <a:lnTo>
                  <a:pt x="623938" y="6442876"/>
                </a:lnTo>
                <a:lnTo>
                  <a:pt x="636430" y="6373811"/>
                </a:lnTo>
                <a:lnTo>
                  <a:pt x="756090" y="6373811"/>
                </a:lnTo>
                <a:lnTo>
                  <a:pt x="764636" y="6325325"/>
                </a:lnTo>
                <a:close/>
                <a:moveTo>
                  <a:pt x="864535" y="6319177"/>
                </a:moveTo>
                <a:cubicBezTo>
                  <a:pt x="816833" y="6319177"/>
                  <a:pt x="773636" y="6344591"/>
                  <a:pt x="773636" y="6385426"/>
                </a:cubicBezTo>
                <a:cubicBezTo>
                  <a:pt x="773636" y="6407663"/>
                  <a:pt x="785748" y="6428689"/>
                  <a:pt x="803914" y="6432731"/>
                </a:cubicBezTo>
                <a:cubicBezTo>
                  <a:pt x="767545" y="6432731"/>
                  <a:pt x="734839" y="6465828"/>
                  <a:pt x="734839" y="6503830"/>
                </a:cubicBezTo>
                <a:cubicBezTo>
                  <a:pt x="734839" y="6551940"/>
                  <a:pt x="784498" y="6582607"/>
                  <a:pt x="843541" y="6582607"/>
                </a:cubicBezTo>
                <a:cubicBezTo>
                  <a:pt x="904552" y="6582607"/>
                  <a:pt x="972007" y="6551535"/>
                  <a:pt x="972007" y="6499787"/>
                </a:cubicBezTo>
                <a:cubicBezTo>
                  <a:pt x="972007" y="6475925"/>
                  <a:pt x="958682" y="6456960"/>
                  <a:pt x="923557" y="6452936"/>
                </a:cubicBezTo>
                <a:cubicBezTo>
                  <a:pt x="963524" y="6436756"/>
                  <a:pt x="1026963" y="6412917"/>
                  <a:pt x="1026963" y="6366823"/>
                </a:cubicBezTo>
                <a:cubicBezTo>
                  <a:pt x="1026963" y="6339350"/>
                  <a:pt x="1003951" y="6325645"/>
                  <a:pt x="980135" y="6325645"/>
                </a:cubicBezTo>
                <a:cubicBezTo>
                  <a:pt x="969732" y="6325693"/>
                  <a:pt x="959452" y="6327911"/>
                  <a:pt x="949955" y="6332158"/>
                </a:cubicBezTo>
                <a:lnTo>
                  <a:pt x="946923" y="6349349"/>
                </a:lnTo>
                <a:cubicBezTo>
                  <a:pt x="966471" y="6343128"/>
                  <a:pt x="977307" y="6351963"/>
                  <a:pt x="977307" y="6368035"/>
                </a:cubicBezTo>
                <a:cubicBezTo>
                  <a:pt x="977307" y="6391083"/>
                  <a:pt x="953836" y="6403215"/>
                  <a:pt x="929612" y="6417768"/>
                </a:cubicBezTo>
                <a:lnTo>
                  <a:pt x="883921" y="6444812"/>
                </a:lnTo>
                <a:cubicBezTo>
                  <a:pt x="870579" y="6453339"/>
                  <a:pt x="854461" y="6462596"/>
                  <a:pt x="854461" y="6479161"/>
                </a:cubicBezTo>
                <a:cubicBezTo>
                  <a:pt x="854567" y="6483329"/>
                  <a:pt x="856082" y="6487338"/>
                  <a:pt x="858762" y="6490533"/>
                </a:cubicBezTo>
                <a:lnTo>
                  <a:pt x="874635" y="6490533"/>
                </a:lnTo>
                <a:cubicBezTo>
                  <a:pt x="870642" y="6479224"/>
                  <a:pt x="879463" y="6465414"/>
                  <a:pt x="896056" y="6465414"/>
                </a:cubicBezTo>
                <a:cubicBezTo>
                  <a:pt x="911432" y="6465414"/>
                  <a:pt x="917903" y="6477948"/>
                  <a:pt x="917903" y="6494122"/>
                </a:cubicBezTo>
                <a:cubicBezTo>
                  <a:pt x="917903" y="6533746"/>
                  <a:pt x="889988" y="6566090"/>
                  <a:pt x="846369" y="6566090"/>
                </a:cubicBezTo>
                <a:cubicBezTo>
                  <a:pt x="805929" y="6566090"/>
                  <a:pt x="788941" y="6538189"/>
                  <a:pt x="788941" y="6507869"/>
                </a:cubicBezTo>
                <a:cubicBezTo>
                  <a:pt x="788941" y="6473189"/>
                  <a:pt x="813395" y="6442926"/>
                  <a:pt x="847337" y="6442878"/>
                </a:cubicBezTo>
                <a:lnTo>
                  <a:pt x="849488" y="6430680"/>
                </a:lnTo>
                <a:cubicBezTo>
                  <a:pt x="829343" y="6420053"/>
                  <a:pt x="823695" y="6398868"/>
                  <a:pt x="823695" y="6382593"/>
                </a:cubicBezTo>
                <a:cubicBezTo>
                  <a:pt x="823695" y="6360361"/>
                  <a:pt x="833815" y="6334887"/>
                  <a:pt x="856476" y="6334887"/>
                </a:cubicBezTo>
                <a:cubicBezTo>
                  <a:pt x="872997" y="6334887"/>
                  <a:pt x="877445" y="6351465"/>
                  <a:pt x="876234" y="6364405"/>
                </a:cubicBezTo>
                <a:cubicBezTo>
                  <a:pt x="874612" y="6380170"/>
                  <a:pt x="883513" y="6389469"/>
                  <a:pt x="896459" y="6389469"/>
                </a:cubicBezTo>
                <a:cubicBezTo>
                  <a:pt x="913450" y="6389469"/>
                  <a:pt x="925174" y="6374915"/>
                  <a:pt x="925174" y="6357933"/>
                </a:cubicBezTo>
                <a:cubicBezTo>
                  <a:pt x="925174" y="6333681"/>
                  <a:pt x="900509" y="6319177"/>
                  <a:pt x="864535" y="6319177"/>
                </a:cubicBezTo>
                <a:close/>
                <a:moveTo>
                  <a:pt x="4621778" y="3601883"/>
                </a:moveTo>
                <a:cubicBezTo>
                  <a:pt x="4646231" y="3602198"/>
                  <a:pt x="4663821" y="3606773"/>
                  <a:pt x="4674548" y="3615607"/>
                </a:cubicBezTo>
                <a:cubicBezTo>
                  <a:pt x="4688852" y="3627387"/>
                  <a:pt x="4696003" y="3648421"/>
                  <a:pt x="4696003" y="3678711"/>
                </a:cubicBezTo>
                <a:lnTo>
                  <a:pt x="4696003" y="3744338"/>
                </a:lnTo>
                <a:cubicBezTo>
                  <a:pt x="4696003" y="3823427"/>
                  <a:pt x="4670762" y="3889475"/>
                  <a:pt x="4620280" y="3942482"/>
                </a:cubicBezTo>
                <a:cubicBezTo>
                  <a:pt x="4569797" y="3995488"/>
                  <a:pt x="4505853" y="4021992"/>
                  <a:pt x="4428447" y="4021992"/>
                </a:cubicBezTo>
                <a:cubicBezTo>
                  <a:pt x="4369550" y="4021992"/>
                  <a:pt x="4325379" y="4006005"/>
                  <a:pt x="4295930" y="3974033"/>
                </a:cubicBezTo>
                <a:cubicBezTo>
                  <a:pt x="4266482" y="3942061"/>
                  <a:pt x="4251758" y="3901675"/>
                  <a:pt x="4251758" y="3852875"/>
                </a:cubicBezTo>
                <a:cubicBezTo>
                  <a:pt x="4251758" y="3792296"/>
                  <a:pt x="4277419" y="3738448"/>
                  <a:pt x="4328743" y="3691331"/>
                </a:cubicBezTo>
                <a:cubicBezTo>
                  <a:pt x="4380068" y="3644214"/>
                  <a:pt x="4468832" y="3614766"/>
                  <a:pt x="4595038" y="3602987"/>
                </a:cubicBezTo>
                <a:cubicBezTo>
                  <a:pt x="4604714" y="3602145"/>
                  <a:pt x="4613627" y="3601777"/>
                  <a:pt x="4621778" y="3601883"/>
                </a:cubicBezTo>
                <a:close/>
                <a:moveTo>
                  <a:pt x="2512064" y="2603433"/>
                </a:moveTo>
                <a:cubicBezTo>
                  <a:pt x="2486822" y="2603433"/>
                  <a:pt x="2472519" y="2616895"/>
                  <a:pt x="2469154" y="2643819"/>
                </a:cubicBezTo>
                <a:lnTo>
                  <a:pt x="2423719" y="2989624"/>
                </a:lnTo>
                <a:lnTo>
                  <a:pt x="2507015" y="2989624"/>
                </a:lnTo>
                <a:cubicBezTo>
                  <a:pt x="2532257" y="2918949"/>
                  <a:pt x="2557077" y="2864680"/>
                  <a:pt x="2581477" y="2826818"/>
                </a:cubicBezTo>
                <a:cubicBezTo>
                  <a:pt x="2605877" y="2788957"/>
                  <a:pt x="2635746" y="2762032"/>
                  <a:pt x="2671084" y="2746046"/>
                </a:cubicBezTo>
                <a:cubicBezTo>
                  <a:pt x="2706421" y="2730060"/>
                  <a:pt x="2754380" y="2722067"/>
                  <a:pt x="2814959" y="2722067"/>
                </a:cubicBezTo>
                <a:cubicBezTo>
                  <a:pt x="2870489" y="2722067"/>
                  <a:pt x="2910875" y="2725853"/>
                  <a:pt x="2936117" y="2733426"/>
                </a:cubicBezTo>
                <a:cubicBezTo>
                  <a:pt x="2961358" y="2740998"/>
                  <a:pt x="2978185" y="2755722"/>
                  <a:pt x="2986599" y="2777598"/>
                </a:cubicBezTo>
                <a:cubicBezTo>
                  <a:pt x="2995013" y="2799474"/>
                  <a:pt x="2999220" y="2833970"/>
                  <a:pt x="2999220" y="2881087"/>
                </a:cubicBezTo>
                <a:lnTo>
                  <a:pt x="2999220" y="3941220"/>
                </a:lnTo>
                <a:cubicBezTo>
                  <a:pt x="2999220" y="3991702"/>
                  <a:pt x="2980289" y="4028302"/>
                  <a:pt x="2942427" y="4051019"/>
                </a:cubicBezTo>
                <a:cubicBezTo>
                  <a:pt x="2904565" y="4073736"/>
                  <a:pt x="2835152" y="4088460"/>
                  <a:pt x="2734187" y="4095191"/>
                </a:cubicBezTo>
                <a:lnTo>
                  <a:pt x="2734187" y="4175963"/>
                </a:lnTo>
                <a:lnTo>
                  <a:pt x="3607534" y="4175963"/>
                </a:lnTo>
                <a:lnTo>
                  <a:pt x="3607534" y="4095191"/>
                </a:lnTo>
                <a:cubicBezTo>
                  <a:pt x="3506569" y="4088460"/>
                  <a:pt x="3437156" y="4073736"/>
                  <a:pt x="3399294" y="4051019"/>
                </a:cubicBezTo>
                <a:cubicBezTo>
                  <a:pt x="3361432" y="4028302"/>
                  <a:pt x="3342501" y="3991702"/>
                  <a:pt x="3342501" y="3941220"/>
                </a:cubicBezTo>
                <a:lnTo>
                  <a:pt x="3342501" y="2881087"/>
                </a:lnTo>
                <a:cubicBezTo>
                  <a:pt x="3342501" y="2833970"/>
                  <a:pt x="3346708" y="2799474"/>
                  <a:pt x="3355121" y="2777598"/>
                </a:cubicBezTo>
                <a:cubicBezTo>
                  <a:pt x="3363535" y="2755722"/>
                  <a:pt x="3380363" y="2740998"/>
                  <a:pt x="3405604" y="2733426"/>
                </a:cubicBezTo>
                <a:cubicBezTo>
                  <a:pt x="3430845" y="2725853"/>
                  <a:pt x="3471231" y="2722067"/>
                  <a:pt x="3526762" y="2722067"/>
                </a:cubicBezTo>
                <a:cubicBezTo>
                  <a:pt x="3587341" y="2722067"/>
                  <a:pt x="3635299" y="2730060"/>
                  <a:pt x="3670637" y="2746046"/>
                </a:cubicBezTo>
                <a:cubicBezTo>
                  <a:pt x="3705975" y="2762032"/>
                  <a:pt x="3735844" y="2788957"/>
                  <a:pt x="3760244" y="2826818"/>
                </a:cubicBezTo>
                <a:cubicBezTo>
                  <a:pt x="3784644" y="2864680"/>
                  <a:pt x="3809464" y="2918949"/>
                  <a:pt x="3834705" y="2989624"/>
                </a:cubicBezTo>
                <a:lnTo>
                  <a:pt x="3918002" y="2989624"/>
                </a:lnTo>
                <a:lnTo>
                  <a:pt x="3872567" y="2643819"/>
                </a:lnTo>
                <a:cubicBezTo>
                  <a:pt x="3869202" y="2616895"/>
                  <a:pt x="3854898" y="2603433"/>
                  <a:pt x="3829657" y="2603433"/>
                </a:cubicBezTo>
                <a:lnTo>
                  <a:pt x="3824609" y="2603433"/>
                </a:lnTo>
                <a:cubicBezTo>
                  <a:pt x="3780857" y="2606799"/>
                  <a:pt x="3730375" y="2608482"/>
                  <a:pt x="3673161" y="2608482"/>
                </a:cubicBezTo>
                <a:lnTo>
                  <a:pt x="2668559" y="2608482"/>
                </a:lnTo>
                <a:lnTo>
                  <a:pt x="2565070" y="2605957"/>
                </a:lnTo>
                <a:cubicBezTo>
                  <a:pt x="2549926" y="2604275"/>
                  <a:pt x="2532257" y="2603433"/>
                  <a:pt x="2512064" y="2603433"/>
                </a:cubicBezTo>
                <a:close/>
                <a:moveTo>
                  <a:pt x="5484721" y="2522661"/>
                </a:moveTo>
                <a:cubicBezTo>
                  <a:pt x="5472942" y="2522661"/>
                  <a:pt x="5463687" y="2523503"/>
                  <a:pt x="5456956" y="2525185"/>
                </a:cubicBezTo>
                <a:lnTo>
                  <a:pt x="5103578" y="2590813"/>
                </a:lnTo>
                <a:lnTo>
                  <a:pt x="5103578" y="2669061"/>
                </a:lnTo>
                <a:cubicBezTo>
                  <a:pt x="5162475" y="2664012"/>
                  <a:pt x="5204123" y="2671164"/>
                  <a:pt x="5228522" y="2690516"/>
                </a:cubicBezTo>
                <a:cubicBezTo>
                  <a:pt x="5252922" y="2709867"/>
                  <a:pt x="5265122" y="2748150"/>
                  <a:pt x="5265122" y="2805363"/>
                </a:cubicBezTo>
                <a:lnTo>
                  <a:pt x="5265122" y="3936171"/>
                </a:lnTo>
                <a:cubicBezTo>
                  <a:pt x="5265122" y="3993385"/>
                  <a:pt x="5253343" y="4033350"/>
                  <a:pt x="5229784" y="4056067"/>
                </a:cubicBezTo>
                <a:cubicBezTo>
                  <a:pt x="5212116" y="4073105"/>
                  <a:pt x="5184035" y="4085173"/>
                  <a:pt x="5145542" y="4092273"/>
                </a:cubicBezTo>
                <a:lnTo>
                  <a:pt x="5115009" y="4096233"/>
                </a:lnTo>
                <a:lnTo>
                  <a:pt x="5115009" y="4054805"/>
                </a:lnTo>
                <a:cubicBezTo>
                  <a:pt x="5099864" y="4059853"/>
                  <a:pt x="5086402" y="4062378"/>
                  <a:pt x="5074622" y="4062378"/>
                </a:cubicBezTo>
                <a:cubicBezTo>
                  <a:pt x="5051064" y="4062378"/>
                  <a:pt x="5032553" y="4053122"/>
                  <a:pt x="5019091" y="4034612"/>
                </a:cubicBezTo>
                <a:cubicBezTo>
                  <a:pt x="5005629" y="4016102"/>
                  <a:pt x="4998898" y="3990019"/>
                  <a:pt x="4998898" y="3956364"/>
                </a:cubicBezTo>
                <a:lnTo>
                  <a:pt x="4998898" y="3474256"/>
                </a:lnTo>
                <a:cubicBezTo>
                  <a:pt x="4998898" y="3358147"/>
                  <a:pt x="4983755" y="3266858"/>
                  <a:pt x="4953464" y="3200389"/>
                </a:cubicBezTo>
                <a:cubicBezTo>
                  <a:pt x="4923175" y="3133920"/>
                  <a:pt x="4877320" y="3086383"/>
                  <a:pt x="4815899" y="3057776"/>
                </a:cubicBezTo>
                <a:cubicBezTo>
                  <a:pt x="4754479" y="3029169"/>
                  <a:pt x="4674128" y="3014866"/>
                  <a:pt x="4574846" y="3014866"/>
                </a:cubicBezTo>
                <a:cubicBezTo>
                  <a:pt x="4423398" y="3014866"/>
                  <a:pt x="4292143" y="3040107"/>
                  <a:pt x="4181082" y="3090589"/>
                </a:cubicBezTo>
                <a:cubicBezTo>
                  <a:pt x="4070020" y="3141072"/>
                  <a:pt x="4014490" y="3211747"/>
                  <a:pt x="4014490" y="3302616"/>
                </a:cubicBezTo>
                <a:cubicBezTo>
                  <a:pt x="4014490" y="3343002"/>
                  <a:pt x="4027110" y="3376236"/>
                  <a:pt x="4052352" y="3402319"/>
                </a:cubicBezTo>
                <a:cubicBezTo>
                  <a:pt x="4077593" y="3428402"/>
                  <a:pt x="4112931" y="3441443"/>
                  <a:pt x="4158365" y="3441443"/>
                </a:cubicBezTo>
                <a:cubicBezTo>
                  <a:pt x="4203799" y="3441443"/>
                  <a:pt x="4242081" y="3428402"/>
                  <a:pt x="4273213" y="3402319"/>
                </a:cubicBezTo>
                <a:cubicBezTo>
                  <a:pt x="4304343" y="3376236"/>
                  <a:pt x="4319909" y="3337954"/>
                  <a:pt x="4319909" y="3287471"/>
                </a:cubicBezTo>
                <a:cubicBezTo>
                  <a:pt x="4319909" y="3167996"/>
                  <a:pt x="4378805" y="3108258"/>
                  <a:pt x="4496597" y="3108258"/>
                </a:cubicBezTo>
                <a:cubicBezTo>
                  <a:pt x="4565590" y="3108258"/>
                  <a:pt x="4616073" y="3130975"/>
                  <a:pt x="4648045" y="3176410"/>
                </a:cubicBezTo>
                <a:cubicBezTo>
                  <a:pt x="4680017" y="3221844"/>
                  <a:pt x="4696003" y="3290837"/>
                  <a:pt x="4696003" y="3383388"/>
                </a:cubicBezTo>
                <a:lnTo>
                  <a:pt x="4696003" y="3418726"/>
                </a:lnTo>
                <a:cubicBezTo>
                  <a:pt x="4696003" y="3452381"/>
                  <a:pt x="4689693" y="3475518"/>
                  <a:pt x="4677072" y="3488139"/>
                </a:cubicBezTo>
                <a:cubicBezTo>
                  <a:pt x="4664452" y="3500760"/>
                  <a:pt x="4640474" y="3509594"/>
                  <a:pt x="4605136" y="3514642"/>
                </a:cubicBezTo>
                <a:cubicBezTo>
                  <a:pt x="4364502" y="3549980"/>
                  <a:pt x="4193703" y="3599201"/>
                  <a:pt x="4092738" y="3662304"/>
                </a:cubicBezTo>
                <a:cubicBezTo>
                  <a:pt x="3991772" y="3725407"/>
                  <a:pt x="3941290" y="3809124"/>
                  <a:pt x="3941290" y="3913454"/>
                </a:cubicBezTo>
                <a:cubicBezTo>
                  <a:pt x="3941290" y="4006005"/>
                  <a:pt x="3972842" y="4075419"/>
                  <a:pt x="4035945" y="4121694"/>
                </a:cubicBezTo>
                <a:cubicBezTo>
                  <a:pt x="4099048" y="4167970"/>
                  <a:pt x="4177717" y="4191108"/>
                  <a:pt x="4271950" y="4191108"/>
                </a:cubicBezTo>
                <a:cubicBezTo>
                  <a:pt x="4356088" y="4191108"/>
                  <a:pt x="4430970" y="4173439"/>
                  <a:pt x="4496597" y="4138101"/>
                </a:cubicBezTo>
                <a:cubicBezTo>
                  <a:pt x="4562225" y="4102764"/>
                  <a:pt x="4615231" y="4059853"/>
                  <a:pt x="4655617" y="4009371"/>
                </a:cubicBezTo>
                <a:cubicBezTo>
                  <a:pt x="4665714" y="3997592"/>
                  <a:pt x="4674969" y="3991702"/>
                  <a:pt x="4683383" y="3991702"/>
                </a:cubicBezTo>
                <a:cubicBezTo>
                  <a:pt x="4693479" y="3991702"/>
                  <a:pt x="4699369" y="4000116"/>
                  <a:pt x="4701052" y="4016943"/>
                </a:cubicBezTo>
                <a:cubicBezTo>
                  <a:pt x="4706100" y="4065743"/>
                  <a:pt x="4727134" y="4106970"/>
                  <a:pt x="4764155" y="4140625"/>
                </a:cubicBezTo>
                <a:cubicBezTo>
                  <a:pt x="4801175" y="4174280"/>
                  <a:pt x="4853340" y="4191108"/>
                  <a:pt x="4920651" y="4191108"/>
                </a:cubicBezTo>
                <a:cubicBezTo>
                  <a:pt x="4964402" y="4191108"/>
                  <a:pt x="5003947" y="4183536"/>
                  <a:pt x="5039284" y="4168391"/>
                </a:cubicBezTo>
                <a:cubicBezTo>
                  <a:pt x="5065788" y="4157032"/>
                  <a:pt x="5086612" y="4141414"/>
                  <a:pt x="5101756" y="4121537"/>
                </a:cubicBezTo>
                <a:lnTo>
                  <a:pt x="5103578" y="4118609"/>
                </a:lnTo>
                <a:lnTo>
                  <a:pt x="5103578" y="4175963"/>
                </a:lnTo>
                <a:lnTo>
                  <a:pt x="5727037" y="4175963"/>
                </a:lnTo>
                <a:lnTo>
                  <a:pt x="5727037" y="4097715"/>
                </a:lnTo>
                <a:cubicBezTo>
                  <a:pt x="5668140" y="4092667"/>
                  <a:pt x="5626913" y="4078784"/>
                  <a:pt x="5603355" y="4056067"/>
                </a:cubicBezTo>
                <a:cubicBezTo>
                  <a:pt x="5579796" y="4033350"/>
                  <a:pt x="5568017" y="3993385"/>
                  <a:pt x="5568017" y="3936171"/>
                </a:cubicBezTo>
                <a:lnTo>
                  <a:pt x="5568017" y="3809965"/>
                </a:lnTo>
                <a:cubicBezTo>
                  <a:pt x="5568017" y="3772945"/>
                  <a:pt x="5573907" y="3744759"/>
                  <a:pt x="5585686" y="3725407"/>
                </a:cubicBezTo>
                <a:cubicBezTo>
                  <a:pt x="5597465" y="3706055"/>
                  <a:pt x="5619341" y="3682917"/>
                  <a:pt x="5651313" y="3655994"/>
                </a:cubicBezTo>
                <a:cubicBezTo>
                  <a:pt x="5663092" y="3647580"/>
                  <a:pt x="5672348" y="3643373"/>
                  <a:pt x="5679078" y="3643373"/>
                </a:cubicBezTo>
                <a:cubicBezTo>
                  <a:pt x="5690859" y="3643373"/>
                  <a:pt x="5707685" y="3658518"/>
                  <a:pt x="5729561" y="3688807"/>
                </a:cubicBezTo>
                <a:lnTo>
                  <a:pt x="5918871" y="3974033"/>
                </a:lnTo>
                <a:cubicBezTo>
                  <a:pt x="5935698" y="3999274"/>
                  <a:pt x="5944112" y="4021150"/>
                  <a:pt x="5944112" y="4039660"/>
                </a:cubicBezTo>
                <a:cubicBezTo>
                  <a:pt x="5944112" y="4071633"/>
                  <a:pt x="5919712" y="4090984"/>
                  <a:pt x="5870912" y="4097715"/>
                </a:cubicBezTo>
                <a:lnTo>
                  <a:pt x="5870912" y="4175963"/>
                </a:lnTo>
                <a:lnTo>
                  <a:pt x="6491847" y="4175963"/>
                </a:lnTo>
                <a:lnTo>
                  <a:pt x="6491847" y="4097715"/>
                </a:lnTo>
                <a:cubicBezTo>
                  <a:pt x="6434633" y="4090984"/>
                  <a:pt x="6390461" y="4077943"/>
                  <a:pt x="6359330" y="4058591"/>
                </a:cubicBezTo>
                <a:cubicBezTo>
                  <a:pt x="6328199" y="4039240"/>
                  <a:pt x="6296648" y="4006847"/>
                  <a:pt x="6264676" y="3961413"/>
                </a:cubicBezTo>
                <a:lnTo>
                  <a:pt x="5903726" y="3438919"/>
                </a:lnTo>
                <a:lnTo>
                  <a:pt x="6110704" y="3259706"/>
                </a:lnTo>
                <a:cubicBezTo>
                  <a:pt x="6167917" y="3210906"/>
                  <a:pt x="6214614" y="3175989"/>
                  <a:pt x="6250793" y="3154955"/>
                </a:cubicBezTo>
                <a:cubicBezTo>
                  <a:pt x="6286972" y="3133920"/>
                  <a:pt x="6333668" y="3120879"/>
                  <a:pt x="6390882" y="3115831"/>
                </a:cubicBezTo>
                <a:lnTo>
                  <a:pt x="6390882" y="3037583"/>
                </a:lnTo>
                <a:lnTo>
                  <a:pt x="5868388" y="3037583"/>
                </a:lnTo>
                <a:lnTo>
                  <a:pt x="5868388" y="3115831"/>
                </a:lnTo>
                <a:cubicBezTo>
                  <a:pt x="5910456" y="3119196"/>
                  <a:pt x="5942430" y="3128451"/>
                  <a:pt x="5964306" y="3143596"/>
                </a:cubicBezTo>
                <a:cubicBezTo>
                  <a:pt x="5986180" y="3158741"/>
                  <a:pt x="5997119" y="3176410"/>
                  <a:pt x="5997119" y="3196603"/>
                </a:cubicBezTo>
                <a:cubicBezTo>
                  <a:pt x="5997119" y="3216796"/>
                  <a:pt x="5987863" y="3234465"/>
                  <a:pt x="5969353" y="3249609"/>
                </a:cubicBezTo>
                <a:lnTo>
                  <a:pt x="5656362" y="3522215"/>
                </a:lnTo>
                <a:cubicBezTo>
                  <a:pt x="5644582" y="3532311"/>
                  <a:pt x="5631962" y="3537360"/>
                  <a:pt x="5618500" y="3537360"/>
                </a:cubicBezTo>
                <a:cubicBezTo>
                  <a:pt x="5603355" y="3537360"/>
                  <a:pt x="5591155" y="3531049"/>
                  <a:pt x="5581900" y="3518429"/>
                </a:cubicBezTo>
                <a:cubicBezTo>
                  <a:pt x="5572645" y="3505808"/>
                  <a:pt x="5568017" y="3487718"/>
                  <a:pt x="5568017" y="3464160"/>
                </a:cubicBezTo>
                <a:lnTo>
                  <a:pt x="5568017" y="2613530"/>
                </a:lnTo>
                <a:cubicBezTo>
                  <a:pt x="5568017" y="2552951"/>
                  <a:pt x="5540252" y="2522661"/>
                  <a:pt x="5484721" y="2522661"/>
                </a:cubicBez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 w="0">
            <a:solidFill>
              <a:schemeClr val="accent1">
                <a:alpha val="0"/>
              </a:schemeClr>
            </a:solidFill>
          </a:ln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noProof="0" dirty="0"/>
              <a:t>Klik på rammen for at indsætte et billede via Templafy</a:t>
            </a:r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79CBD839-C795-43E8-A7EB-2F7F8BDA9D7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 bwMode="white">
          <a:xfrm>
            <a:off x="2437200" y="4993200"/>
            <a:ext cx="5425200" cy="280800"/>
          </a:xfrm>
        </p:spPr>
        <p:txBody>
          <a:bodyPr anchor="b" anchorCtr="0"/>
          <a:lstStyle>
            <a:lvl1pPr marL="0" indent="0" algn="l">
              <a:lnSpc>
                <a:spcPct val="120000"/>
              </a:lnSpc>
              <a:buNone/>
              <a:defRPr sz="1600" b="0">
                <a:solidFill>
                  <a:schemeClr val="bg1"/>
                </a:solidFill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navn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184254D8-338B-4244-97CC-D4E76EFDE97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 bwMode="white">
          <a:xfrm>
            <a:off x="2437200" y="5255730"/>
            <a:ext cx="5425200" cy="280800"/>
          </a:xfrm>
        </p:spPr>
        <p:txBody>
          <a:bodyPr/>
          <a:lstStyle>
            <a:lvl1pPr marL="0" indent="0" algn="l">
              <a:lnSpc>
                <a:spcPct val="120000"/>
              </a:lnSpc>
              <a:buNone/>
              <a:defRPr sz="1600" b="0">
                <a:solidFill>
                  <a:schemeClr val="bg1"/>
                </a:solidFill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xx@forsikringogpension.dk</a:t>
            </a:r>
          </a:p>
        </p:txBody>
      </p:sp>
    </p:spTree>
    <p:extLst>
      <p:ext uri="{BB962C8B-B14F-4D97-AF65-F5344CB8AC3E}">
        <p14:creationId xmlns:p14="http://schemas.microsoft.com/office/powerpoint/2010/main" val="331047228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k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Background">
            <a:extLst>
              <a:ext uri="{FF2B5EF4-FFF2-40B4-BE49-F238E27FC236}">
                <a16:creationId xmlns:a16="http://schemas.microsoft.com/office/drawing/2014/main" id="{F24017B4-13C5-4748-8800-D8A09A0B3DC7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30D46BE8-F01A-43CB-A674-2B6C205BA95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custGeom>
            <a:avLst/>
            <a:gdLst>
              <a:gd name="connsiteX0" fmla="*/ 3655602 w 12193200"/>
              <a:gd name="connsiteY0" fmla="*/ 6506306 h 6861600"/>
              <a:gd name="connsiteX1" fmla="*/ 3625084 w 12193200"/>
              <a:gd name="connsiteY1" fmla="*/ 6579572 h 6861600"/>
              <a:gd name="connsiteX2" fmla="*/ 3629884 w 12193200"/>
              <a:gd name="connsiteY2" fmla="*/ 6579572 h 6861600"/>
              <a:gd name="connsiteX3" fmla="*/ 3660402 w 12193200"/>
              <a:gd name="connsiteY3" fmla="*/ 6506306 h 6861600"/>
              <a:gd name="connsiteX4" fmla="*/ 3607977 w 12193200"/>
              <a:gd name="connsiteY4" fmla="*/ 6506306 h 6861600"/>
              <a:gd name="connsiteX5" fmla="*/ 3577459 w 12193200"/>
              <a:gd name="connsiteY5" fmla="*/ 6579572 h 6861600"/>
              <a:gd name="connsiteX6" fmla="*/ 3582259 w 12193200"/>
              <a:gd name="connsiteY6" fmla="*/ 6579572 h 6861600"/>
              <a:gd name="connsiteX7" fmla="*/ 3612777 w 12193200"/>
              <a:gd name="connsiteY7" fmla="*/ 6506306 h 6861600"/>
              <a:gd name="connsiteX8" fmla="*/ 3057956 w 12193200"/>
              <a:gd name="connsiteY8" fmla="*/ 6506306 h 6861600"/>
              <a:gd name="connsiteX9" fmla="*/ 3027438 w 12193200"/>
              <a:gd name="connsiteY9" fmla="*/ 6579572 h 6861600"/>
              <a:gd name="connsiteX10" fmla="*/ 3032238 w 12193200"/>
              <a:gd name="connsiteY10" fmla="*/ 6579572 h 6861600"/>
              <a:gd name="connsiteX11" fmla="*/ 3062756 w 12193200"/>
              <a:gd name="connsiteY11" fmla="*/ 6506306 h 6861600"/>
              <a:gd name="connsiteX12" fmla="*/ 3010331 w 12193200"/>
              <a:gd name="connsiteY12" fmla="*/ 6506306 h 6861600"/>
              <a:gd name="connsiteX13" fmla="*/ 2979813 w 12193200"/>
              <a:gd name="connsiteY13" fmla="*/ 6579572 h 6861600"/>
              <a:gd name="connsiteX14" fmla="*/ 2984613 w 12193200"/>
              <a:gd name="connsiteY14" fmla="*/ 6579572 h 6861600"/>
              <a:gd name="connsiteX15" fmla="*/ 3015131 w 12193200"/>
              <a:gd name="connsiteY15" fmla="*/ 6506306 h 6861600"/>
              <a:gd name="connsiteX16" fmla="*/ 1096258 w 12193200"/>
              <a:gd name="connsiteY16" fmla="*/ 6373888 h 6861600"/>
              <a:gd name="connsiteX17" fmla="*/ 1136597 w 12193200"/>
              <a:gd name="connsiteY17" fmla="*/ 6373888 h 6861600"/>
              <a:gd name="connsiteX18" fmla="*/ 1172891 w 12193200"/>
              <a:gd name="connsiteY18" fmla="*/ 6405382 h 6861600"/>
              <a:gd name="connsiteX19" fmla="*/ 1124001 w 12193200"/>
              <a:gd name="connsiteY19" fmla="*/ 6442877 h 6861600"/>
              <a:gd name="connsiteX20" fmla="*/ 1084189 w 12193200"/>
              <a:gd name="connsiteY20" fmla="*/ 6442877 h 6861600"/>
              <a:gd name="connsiteX21" fmla="*/ 1048640 w 12193200"/>
              <a:gd name="connsiteY21" fmla="*/ 6325326 h 6861600"/>
              <a:gd name="connsiteX22" fmla="*/ 1004364 w 12193200"/>
              <a:gd name="connsiteY22" fmla="*/ 6576458 h 6861600"/>
              <a:gd name="connsiteX23" fmla="*/ 1060430 w 12193200"/>
              <a:gd name="connsiteY23" fmla="*/ 6576458 h 6861600"/>
              <a:gd name="connsiteX24" fmla="*/ 1075325 w 12193200"/>
              <a:gd name="connsiteY24" fmla="*/ 6491361 h 6861600"/>
              <a:gd name="connsiteX25" fmla="*/ 1109228 w 12193200"/>
              <a:gd name="connsiteY25" fmla="*/ 6491361 h 6861600"/>
              <a:gd name="connsiteX26" fmla="*/ 1231474 w 12193200"/>
              <a:gd name="connsiteY26" fmla="*/ 6400670 h 6861600"/>
              <a:gd name="connsiteX27" fmla="*/ 1141035 w 12193200"/>
              <a:gd name="connsiteY27" fmla="*/ 6325326 h 6861600"/>
              <a:gd name="connsiteX28" fmla="*/ 588883 w 12193200"/>
              <a:gd name="connsiteY28" fmla="*/ 6325325 h 6861600"/>
              <a:gd name="connsiteX29" fmla="*/ 544615 w 12193200"/>
              <a:gd name="connsiteY29" fmla="*/ 6576459 h 6861600"/>
              <a:gd name="connsiteX30" fmla="*/ 600661 w 12193200"/>
              <a:gd name="connsiteY30" fmla="*/ 6576459 h 6861600"/>
              <a:gd name="connsiteX31" fmla="*/ 615455 w 12193200"/>
              <a:gd name="connsiteY31" fmla="*/ 6491360 h 6861600"/>
              <a:gd name="connsiteX32" fmla="*/ 708015 w 12193200"/>
              <a:gd name="connsiteY32" fmla="*/ 6491360 h 6861600"/>
              <a:gd name="connsiteX33" fmla="*/ 716556 w 12193200"/>
              <a:gd name="connsiteY33" fmla="*/ 6442876 h 6861600"/>
              <a:gd name="connsiteX34" fmla="*/ 623938 w 12193200"/>
              <a:gd name="connsiteY34" fmla="*/ 6442876 h 6861600"/>
              <a:gd name="connsiteX35" fmla="*/ 636430 w 12193200"/>
              <a:gd name="connsiteY35" fmla="*/ 6373811 h 6861600"/>
              <a:gd name="connsiteX36" fmla="*/ 756090 w 12193200"/>
              <a:gd name="connsiteY36" fmla="*/ 6373811 h 6861600"/>
              <a:gd name="connsiteX37" fmla="*/ 764636 w 12193200"/>
              <a:gd name="connsiteY37" fmla="*/ 6325325 h 6861600"/>
              <a:gd name="connsiteX38" fmla="*/ 864535 w 12193200"/>
              <a:gd name="connsiteY38" fmla="*/ 6319177 h 6861600"/>
              <a:gd name="connsiteX39" fmla="*/ 773636 w 12193200"/>
              <a:gd name="connsiteY39" fmla="*/ 6385426 h 6861600"/>
              <a:gd name="connsiteX40" fmla="*/ 803914 w 12193200"/>
              <a:gd name="connsiteY40" fmla="*/ 6432731 h 6861600"/>
              <a:gd name="connsiteX41" fmla="*/ 734839 w 12193200"/>
              <a:gd name="connsiteY41" fmla="*/ 6503830 h 6861600"/>
              <a:gd name="connsiteX42" fmla="*/ 843541 w 12193200"/>
              <a:gd name="connsiteY42" fmla="*/ 6582607 h 6861600"/>
              <a:gd name="connsiteX43" fmla="*/ 972007 w 12193200"/>
              <a:gd name="connsiteY43" fmla="*/ 6499787 h 6861600"/>
              <a:gd name="connsiteX44" fmla="*/ 923557 w 12193200"/>
              <a:gd name="connsiteY44" fmla="*/ 6452936 h 6861600"/>
              <a:gd name="connsiteX45" fmla="*/ 1026963 w 12193200"/>
              <a:gd name="connsiteY45" fmla="*/ 6366823 h 6861600"/>
              <a:gd name="connsiteX46" fmla="*/ 980135 w 12193200"/>
              <a:gd name="connsiteY46" fmla="*/ 6325645 h 6861600"/>
              <a:gd name="connsiteX47" fmla="*/ 949955 w 12193200"/>
              <a:gd name="connsiteY47" fmla="*/ 6332158 h 6861600"/>
              <a:gd name="connsiteX48" fmla="*/ 946923 w 12193200"/>
              <a:gd name="connsiteY48" fmla="*/ 6349349 h 6861600"/>
              <a:gd name="connsiteX49" fmla="*/ 977307 w 12193200"/>
              <a:gd name="connsiteY49" fmla="*/ 6368035 h 6861600"/>
              <a:gd name="connsiteX50" fmla="*/ 929612 w 12193200"/>
              <a:gd name="connsiteY50" fmla="*/ 6417768 h 6861600"/>
              <a:gd name="connsiteX51" fmla="*/ 883921 w 12193200"/>
              <a:gd name="connsiteY51" fmla="*/ 6444812 h 6861600"/>
              <a:gd name="connsiteX52" fmla="*/ 854461 w 12193200"/>
              <a:gd name="connsiteY52" fmla="*/ 6479161 h 6861600"/>
              <a:gd name="connsiteX53" fmla="*/ 858762 w 12193200"/>
              <a:gd name="connsiteY53" fmla="*/ 6490533 h 6861600"/>
              <a:gd name="connsiteX54" fmla="*/ 874635 w 12193200"/>
              <a:gd name="connsiteY54" fmla="*/ 6490533 h 6861600"/>
              <a:gd name="connsiteX55" fmla="*/ 896056 w 12193200"/>
              <a:gd name="connsiteY55" fmla="*/ 6465414 h 6861600"/>
              <a:gd name="connsiteX56" fmla="*/ 917903 w 12193200"/>
              <a:gd name="connsiteY56" fmla="*/ 6494122 h 6861600"/>
              <a:gd name="connsiteX57" fmla="*/ 846369 w 12193200"/>
              <a:gd name="connsiteY57" fmla="*/ 6566090 h 6861600"/>
              <a:gd name="connsiteX58" fmla="*/ 788941 w 12193200"/>
              <a:gd name="connsiteY58" fmla="*/ 6507869 h 6861600"/>
              <a:gd name="connsiteX59" fmla="*/ 847337 w 12193200"/>
              <a:gd name="connsiteY59" fmla="*/ 6442878 h 6861600"/>
              <a:gd name="connsiteX60" fmla="*/ 849488 w 12193200"/>
              <a:gd name="connsiteY60" fmla="*/ 6430680 h 6861600"/>
              <a:gd name="connsiteX61" fmla="*/ 823695 w 12193200"/>
              <a:gd name="connsiteY61" fmla="*/ 6382593 h 6861600"/>
              <a:gd name="connsiteX62" fmla="*/ 856476 w 12193200"/>
              <a:gd name="connsiteY62" fmla="*/ 6334887 h 6861600"/>
              <a:gd name="connsiteX63" fmla="*/ 876234 w 12193200"/>
              <a:gd name="connsiteY63" fmla="*/ 6364405 h 6861600"/>
              <a:gd name="connsiteX64" fmla="*/ 896459 w 12193200"/>
              <a:gd name="connsiteY64" fmla="*/ 6389469 h 6861600"/>
              <a:gd name="connsiteX65" fmla="*/ 925174 w 12193200"/>
              <a:gd name="connsiteY65" fmla="*/ 6357933 h 6861600"/>
              <a:gd name="connsiteX66" fmla="*/ 864535 w 12193200"/>
              <a:gd name="connsiteY66" fmla="*/ 6319177 h 6861600"/>
              <a:gd name="connsiteX67" fmla="*/ 4621778 w 12193200"/>
              <a:gd name="connsiteY67" fmla="*/ 3601883 h 6861600"/>
              <a:gd name="connsiteX68" fmla="*/ 4674548 w 12193200"/>
              <a:gd name="connsiteY68" fmla="*/ 3615607 h 6861600"/>
              <a:gd name="connsiteX69" fmla="*/ 4696003 w 12193200"/>
              <a:gd name="connsiteY69" fmla="*/ 3678711 h 6861600"/>
              <a:gd name="connsiteX70" fmla="*/ 4696003 w 12193200"/>
              <a:gd name="connsiteY70" fmla="*/ 3744338 h 6861600"/>
              <a:gd name="connsiteX71" fmla="*/ 4620280 w 12193200"/>
              <a:gd name="connsiteY71" fmla="*/ 3942482 h 6861600"/>
              <a:gd name="connsiteX72" fmla="*/ 4428447 w 12193200"/>
              <a:gd name="connsiteY72" fmla="*/ 4021992 h 6861600"/>
              <a:gd name="connsiteX73" fmla="*/ 4295930 w 12193200"/>
              <a:gd name="connsiteY73" fmla="*/ 3974033 h 6861600"/>
              <a:gd name="connsiteX74" fmla="*/ 4251758 w 12193200"/>
              <a:gd name="connsiteY74" fmla="*/ 3852875 h 6861600"/>
              <a:gd name="connsiteX75" fmla="*/ 4328743 w 12193200"/>
              <a:gd name="connsiteY75" fmla="*/ 3691331 h 6861600"/>
              <a:gd name="connsiteX76" fmla="*/ 4595038 w 12193200"/>
              <a:gd name="connsiteY76" fmla="*/ 3602987 h 6861600"/>
              <a:gd name="connsiteX77" fmla="*/ 4621778 w 12193200"/>
              <a:gd name="connsiteY77" fmla="*/ 3601883 h 6861600"/>
              <a:gd name="connsiteX78" fmla="*/ 2512064 w 12193200"/>
              <a:gd name="connsiteY78" fmla="*/ 2603433 h 6861600"/>
              <a:gd name="connsiteX79" fmla="*/ 2469154 w 12193200"/>
              <a:gd name="connsiteY79" fmla="*/ 2643819 h 6861600"/>
              <a:gd name="connsiteX80" fmla="*/ 2423719 w 12193200"/>
              <a:gd name="connsiteY80" fmla="*/ 2989624 h 6861600"/>
              <a:gd name="connsiteX81" fmla="*/ 2507015 w 12193200"/>
              <a:gd name="connsiteY81" fmla="*/ 2989624 h 6861600"/>
              <a:gd name="connsiteX82" fmla="*/ 2581477 w 12193200"/>
              <a:gd name="connsiteY82" fmla="*/ 2826818 h 6861600"/>
              <a:gd name="connsiteX83" fmla="*/ 2671084 w 12193200"/>
              <a:gd name="connsiteY83" fmla="*/ 2746046 h 6861600"/>
              <a:gd name="connsiteX84" fmla="*/ 2814959 w 12193200"/>
              <a:gd name="connsiteY84" fmla="*/ 2722067 h 6861600"/>
              <a:gd name="connsiteX85" fmla="*/ 2936117 w 12193200"/>
              <a:gd name="connsiteY85" fmla="*/ 2733426 h 6861600"/>
              <a:gd name="connsiteX86" fmla="*/ 2986599 w 12193200"/>
              <a:gd name="connsiteY86" fmla="*/ 2777598 h 6861600"/>
              <a:gd name="connsiteX87" fmla="*/ 2999220 w 12193200"/>
              <a:gd name="connsiteY87" fmla="*/ 2881087 h 6861600"/>
              <a:gd name="connsiteX88" fmla="*/ 2999220 w 12193200"/>
              <a:gd name="connsiteY88" fmla="*/ 3941220 h 6861600"/>
              <a:gd name="connsiteX89" fmla="*/ 2942427 w 12193200"/>
              <a:gd name="connsiteY89" fmla="*/ 4051019 h 6861600"/>
              <a:gd name="connsiteX90" fmla="*/ 2734187 w 12193200"/>
              <a:gd name="connsiteY90" fmla="*/ 4095191 h 6861600"/>
              <a:gd name="connsiteX91" fmla="*/ 2734187 w 12193200"/>
              <a:gd name="connsiteY91" fmla="*/ 4175963 h 6861600"/>
              <a:gd name="connsiteX92" fmla="*/ 3607534 w 12193200"/>
              <a:gd name="connsiteY92" fmla="*/ 4175963 h 6861600"/>
              <a:gd name="connsiteX93" fmla="*/ 3607534 w 12193200"/>
              <a:gd name="connsiteY93" fmla="*/ 4095191 h 6861600"/>
              <a:gd name="connsiteX94" fmla="*/ 3399294 w 12193200"/>
              <a:gd name="connsiteY94" fmla="*/ 4051019 h 6861600"/>
              <a:gd name="connsiteX95" fmla="*/ 3342501 w 12193200"/>
              <a:gd name="connsiteY95" fmla="*/ 3941220 h 6861600"/>
              <a:gd name="connsiteX96" fmla="*/ 3342501 w 12193200"/>
              <a:gd name="connsiteY96" fmla="*/ 2881087 h 6861600"/>
              <a:gd name="connsiteX97" fmla="*/ 3355121 w 12193200"/>
              <a:gd name="connsiteY97" fmla="*/ 2777598 h 6861600"/>
              <a:gd name="connsiteX98" fmla="*/ 3405604 w 12193200"/>
              <a:gd name="connsiteY98" fmla="*/ 2733426 h 6861600"/>
              <a:gd name="connsiteX99" fmla="*/ 3526762 w 12193200"/>
              <a:gd name="connsiteY99" fmla="*/ 2722067 h 6861600"/>
              <a:gd name="connsiteX100" fmla="*/ 3670637 w 12193200"/>
              <a:gd name="connsiteY100" fmla="*/ 2746046 h 6861600"/>
              <a:gd name="connsiteX101" fmla="*/ 3760244 w 12193200"/>
              <a:gd name="connsiteY101" fmla="*/ 2826818 h 6861600"/>
              <a:gd name="connsiteX102" fmla="*/ 3834705 w 12193200"/>
              <a:gd name="connsiteY102" fmla="*/ 2989624 h 6861600"/>
              <a:gd name="connsiteX103" fmla="*/ 3918002 w 12193200"/>
              <a:gd name="connsiteY103" fmla="*/ 2989624 h 6861600"/>
              <a:gd name="connsiteX104" fmla="*/ 3872567 w 12193200"/>
              <a:gd name="connsiteY104" fmla="*/ 2643819 h 6861600"/>
              <a:gd name="connsiteX105" fmla="*/ 3829657 w 12193200"/>
              <a:gd name="connsiteY105" fmla="*/ 2603433 h 6861600"/>
              <a:gd name="connsiteX106" fmla="*/ 3824609 w 12193200"/>
              <a:gd name="connsiteY106" fmla="*/ 2603433 h 6861600"/>
              <a:gd name="connsiteX107" fmla="*/ 3673161 w 12193200"/>
              <a:gd name="connsiteY107" fmla="*/ 2608482 h 6861600"/>
              <a:gd name="connsiteX108" fmla="*/ 2668559 w 12193200"/>
              <a:gd name="connsiteY108" fmla="*/ 2608482 h 6861600"/>
              <a:gd name="connsiteX109" fmla="*/ 2565070 w 12193200"/>
              <a:gd name="connsiteY109" fmla="*/ 2605957 h 6861600"/>
              <a:gd name="connsiteX110" fmla="*/ 2512064 w 12193200"/>
              <a:gd name="connsiteY110" fmla="*/ 2603433 h 6861600"/>
              <a:gd name="connsiteX111" fmla="*/ 5484721 w 12193200"/>
              <a:gd name="connsiteY111" fmla="*/ 2522661 h 6861600"/>
              <a:gd name="connsiteX112" fmla="*/ 5456956 w 12193200"/>
              <a:gd name="connsiteY112" fmla="*/ 2525185 h 6861600"/>
              <a:gd name="connsiteX113" fmla="*/ 5103578 w 12193200"/>
              <a:gd name="connsiteY113" fmla="*/ 2590813 h 6861600"/>
              <a:gd name="connsiteX114" fmla="*/ 5103578 w 12193200"/>
              <a:gd name="connsiteY114" fmla="*/ 2669061 h 6861600"/>
              <a:gd name="connsiteX115" fmla="*/ 5228522 w 12193200"/>
              <a:gd name="connsiteY115" fmla="*/ 2690516 h 6861600"/>
              <a:gd name="connsiteX116" fmla="*/ 5265122 w 12193200"/>
              <a:gd name="connsiteY116" fmla="*/ 2805363 h 6861600"/>
              <a:gd name="connsiteX117" fmla="*/ 5265122 w 12193200"/>
              <a:gd name="connsiteY117" fmla="*/ 3936171 h 6861600"/>
              <a:gd name="connsiteX118" fmla="*/ 5229784 w 12193200"/>
              <a:gd name="connsiteY118" fmla="*/ 4056067 h 6861600"/>
              <a:gd name="connsiteX119" fmla="*/ 5145542 w 12193200"/>
              <a:gd name="connsiteY119" fmla="*/ 4092273 h 6861600"/>
              <a:gd name="connsiteX120" fmla="*/ 5115009 w 12193200"/>
              <a:gd name="connsiteY120" fmla="*/ 4096233 h 6861600"/>
              <a:gd name="connsiteX121" fmla="*/ 5115009 w 12193200"/>
              <a:gd name="connsiteY121" fmla="*/ 4054805 h 6861600"/>
              <a:gd name="connsiteX122" fmla="*/ 5074622 w 12193200"/>
              <a:gd name="connsiteY122" fmla="*/ 4062378 h 6861600"/>
              <a:gd name="connsiteX123" fmla="*/ 5019091 w 12193200"/>
              <a:gd name="connsiteY123" fmla="*/ 4034612 h 6861600"/>
              <a:gd name="connsiteX124" fmla="*/ 4998898 w 12193200"/>
              <a:gd name="connsiteY124" fmla="*/ 3956364 h 6861600"/>
              <a:gd name="connsiteX125" fmla="*/ 4998898 w 12193200"/>
              <a:gd name="connsiteY125" fmla="*/ 3474256 h 6861600"/>
              <a:gd name="connsiteX126" fmla="*/ 4953464 w 12193200"/>
              <a:gd name="connsiteY126" fmla="*/ 3200389 h 6861600"/>
              <a:gd name="connsiteX127" fmla="*/ 4815899 w 12193200"/>
              <a:gd name="connsiteY127" fmla="*/ 3057776 h 6861600"/>
              <a:gd name="connsiteX128" fmla="*/ 4574846 w 12193200"/>
              <a:gd name="connsiteY128" fmla="*/ 3014866 h 6861600"/>
              <a:gd name="connsiteX129" fmla="*/ 4181082 w 12193200"/>
              <a:gd name="connsiteY129" fmla="*/ 3090589 h 6861600"/>
              <a:gd name="connsiteX130" fmla="*/ 4014490 w 12193200"/>
              <a:gd name="connsiteY130" fmla="*/ 3302616 h 6861600"/>
              <a:gd name="connsiteX131" fmla="*/ 4052352 w 12193200"/>
              <a:gd name="connsiteY131" fmla="*/ 3402319 h 6861600"/>
              <a:gd name="connsiteX132" fmla="*/ 4158365 w 12193200"/>
              <a:gd name="connsiteY132" fmla="*/ 3441443 h 6861600"/>
              <a:gd name="connsiteX133" fmla="*/ 4273213 w 12193200"/>
              <a:gd name="connsiteY133" fmla="*/ 3402319 h 6861600"/>
              <a:gd name="connsiteX134" fmla="*/ 4319909 w 12193200"/>
              <a:gd name="connsiteY134" fmla="*/ 3287471 h 6861600"/>
              <a:gd name="connsiteX135" fmla="*/ 4496597 w 12193200"/>
              <a:gd name="connsiteY135" fmla="*/ 3108258 h 6861600"/>
              <a:gd name="connsiteX136" fmla="*/ 4648045 w 12193200"/>
              <a:gd name="connsiteY136" fmla="*/ 3176410 h 6861600"/>
              <a:gd name="connsiteX137" fmla="*/ 4696003 w 12193200"/>
              <a:gd name="connsiteY137" fmla="*/ 3383388 h 6861600"/>
              <a:gd name="connsiteX138" fmla="*/ 4696003 w 12193200"/>
              <a:gd name="connsiteY138" fmla="*/ 3418726 h 6861600"/>
              <a:gd name="connsiteX139" fmla="*/ 4677072 w 12193200"/>
              <a:gd name="connsiteY139" fmla="*/ 3488139 h 6861600"/>
              <a:gd name="connsiteX140" fmla="*/ 4605136 w 12193200"/>
              <a:gd name="connsiteY140" fmla="*/ 3514642 h 6861600"/>
              <a:gd name="connsiteX141" fmla="*/ 4092738 w 12193200"/>
              <a:gd name="connsiteY141" fmla="*/ 3662304 h 6861600"/>
              <a:gd name="connsiteX142" fmla="*/ 3941290 w 12193200"/>
              <a:gd name="connsiteY142" fmla="*/ 3913454 h 6861600"/>
              <a:gd name="connsiteX143" fmla="*/ 4035945 w 12193200"/>
              <a:gd name="connsiteY143" fmla="*/ 4121694 h 6861600"/>
              <a:gd name="connsiteX144" fmla="*/ 4271950 w 12193200"/>
              <a:gd name="connsiteY144" fmla="*/ 4191108 h 6861600"/>
              <a:gd name="connsiteX145" fmla="*/ 4496597 w 12193200"/>
              <a:gd name="connsiteY145" fmla="*/ 4138101 h 6861600"/>
              <a:gd name="connsiteX146" fmla="*/ 4655617 w 12193200"/>
              <a:gd name="connsiteY146" fmla="*/ 4009371 h 6861600"/>
              <a:gd name="connsiteX147" fmla="*/ 4683383 w 12193200"/>
              <a:gd name="connsiteY147" fmla="*/ 3991702 h 6861600"/>
              <a:gd name="connsiteX148" fmla="*/ 4701052 w 12193200"/>
              <a:gd name="connsiteY148" fmla="*/ 4016943 h 6861600"/>
              <a:gd name="connsiteX149" fmla="*/ 4764155 w 12193200"/>
              <a:gd name="connsiteY149" fmla="*/ 4140625 h 6861600"/>
              <a:gd name="connsiteX150" fmla="*/ 4920651 w 12193200"/>
              <a:gd name="connsiteY150" fmla="*/ 4191108 h 6861600"/>
              <a:gd name="connsiteX151" fmla="*/ 5039284 w 12193200"/>
              <a:gd name="connsiteY151" fmla="*/ 4168391 h 6861600"/>
              <a:gd name="connsiteX152" fmla="*/ 5101756 w 12193200"/>
              <a:gd name="connsiteY152" fmla="*/ 4121537 h 6861600"/>
              <a:gd name="connsiteX153" fmla="*/ 5103578 w 12193200"/>
              <a:gd name="connsiteY153" fmla="*/ 4118609 h 6861600"/>
              <a:gd name="connsiteX154" fmla="*/ 5103578 w 12193200"/>
              <a:gd name="connsiteY154" fmla="*/ 4175963 h 6861600"/>
              <a:gd name="connsiteX155" fmla="*/ 5727037 w 12193200"/>
              <a:gd name="connsiteY155" fmla="*/ 4175963 h 6861600"/>
              <a:gd name="connsiteX156" fmla="*/ 5727037 w 12193200"/>
              <a:gd name="connsiteY156" fmla="*/ 4097715 h 6861600"/>
              <a:gd name="connsiteX157" fmla="*/ 5603355 w 12193200"/>
              <a:gd name="connsiteY157" fmla="*/ 4056067 h 6861600"/>
              <a:gd name="connsiteX158" fmla="*/ 5568017 w 12193200"/>
              <a:gd name="connsiteY158" fmla="*/ 3936171 h 6861600"/>
              <a:gd name="connsiteX159" fmla="*/ 5568017 w 12193200"/>
              <a:gd name="connsiteY159" fmla="*/ 3809965 h 6861600"/>
              <a:gd name="connsiteX160" fmla="*/ 5585686 w 12193200"/>
              <a:gd name="connsiteY160" fmla="*/ 3725407 h 6861600"/>
              <a:gd name="connsiteX161" fmla="*/ 5651313 w 12193200"/>
              <a:gd name="connsiteY161" fmla="*/ 3655994 h 6861600"/>
              <a:gd name="connsiteX162" fmla="*/ 5679078 w 12193200"/>
              <a:gd name="connsiteY162" fmla="*/ 3643373 h 6861600"/>
              <a:gd name="connsiteX163" fmla="*/ 5729561 w 12193200"/>
              <a:gd name="connsiteY163" fmla="*/ 3688807 h 6861600"/>
              <a:gd name="connsiteX164" fmla="*/ 5918871 w 12193200"/>
              <a:gd name="connsiteY164" fmla="*/ 3974033 h 6861600"/>
              <a:gd name="connsiteX165" fmla="*/ 5944112 w 12193200"/>
              <a:gd name="connsiteY165" fmla="*/ 4039660 h 6861600"/>
              <a:gd name="connsiteX166" fmla="*/ 5870912 w 12193200"/>
              <a:gd name="connsiteY166" fmla="*/ 4097715 h 6861600"/>
              <a:gd name="connsiteX167" fmla="*/ 5870912 w 12193200"/>
              <a:gd name="connsiteY167" fmla="*/ 4175963 h 6861600"/>
              <a:gd name="connsiteX168" fmla="*/ 6491847 w 12193200"/>
              <a:gd name="connsiteY168" fmla="*/ 4175963 h 6861600"/>
              <a:gd name="connsiteX169" fmla="*/ 6491847 w 12193200"/>
              <a:gd name="connsiteY169" fmla="*/ 4097715 h 6861600"/>
              <a:gd name="connsiteX170" fmla="*/ 6359330 w 12193200"/>
              <a:gd name="connsiteY170" fmla="*/ 4058591 h 6861600"/>
              <a:gd name="connsiteX171" fmla="*/ 6264676 w 12193200"/>
              <a:gd name="connsiteY171" fmla="*/ 3961413 h 6861600"/>
              <a:gd name="connsiteX172" fmla="*/ 5903726 w 12193200"/>
              <a:gd name="connsiteY172" fmla="*/ 3438919 h 6861600"/>
              <a:gd name="connsiteX173" fmla="*/ 6110704 w 12193200"/>
              <a:gd name="connsiteY173" fmla="*/ 3259706 h 6861600"/>
              <a:gd name="connsiteX174" fmla="*/ 6250793 w 12193200"/>
              <a:gd name="connsiteY174" fmla="*/ 3154955 h 6861600"/>
              <a:gd name="connsiteX175" fmla="*/ 6390882 w 12193200"/>
              <a:gd name="connsiteY175" fmla="*/ 3115831 h 6861600"/>
              <a:gd name="connsiteX176" fmla="*/ 6390882 w 12193200"/>
              <a:gd name="connsiteY176" fmla="*/ 3037583 h 6861600"/>
              <a:gd name="connsiteX177" fmla="*/ 5868388 w 12193200"/>
              <a:gd name="connsiteY177" fmla="*/ 3037583 h 6861600"/>
              <a:gd name="connsiteX178" fmla="*/ 5868388 w 12193200"/>
              <a:gd name="connsiteY178" fmla="*/ 3115831 h 6861600"/>
              <a:gd name="connsiteX179" fmla="*/ 5964306 w 12193200"/>
              <a:gd name="connsiteY179" fmla="*/ 3143596 h 6861600"/>
              <a:gd name="connsiteX180" fmla="*/ 5997119 w 12193200"/>
              <a:gd name="connsiteY180" fmla="*/ 3196603 h 6861600"/>
              <a:gd name="connsiteX181" fmla="*/ 5969353 w 12193200"/>
              <a:gd name="connsiteY181" fmla="*/ 3249609 h 6861600"/>
              <a:gd name="connsiteX182" fmla="*/ 5656362 w 12193200"/>
              <a:gd name="connsiteY182" fmla="*/ 3522215 h 6861600"/>
              <a:gd name="connsiteX183" fmla="*/ 5618500 w 12193200"/>
              <a:gd name="connsiteY183" fmla="*/ 3537360 h 6861600"/>
              <a:gd name="connsiteX184" fmla="*/ 5581900 w 12193200"/>
              <a:gd name="connsiteY184" fmla="*/ 3518429 h 6861600"/>
              <a:gd name="connsiteX185" fmla="*/ 5568017 w 12193200"/>
              <a:gd name="connsiteY185" fmla="*/ 3464160 h 6861600"/>
              <a:gd name="connsiteX186" fmla="*/ 5568017 w 12193200"/>
              <a:gd name="connsiteY186" fmla="*/ 2613530 h 6861600"/>
              <a:gd name="connsiteX187" fmla="*/ 5484721 w 12193200"/>
              <a:gd name="connsiteY187" fmla="*/ 2522661 h 6861600"/>
              <a:gd name="connsiteX188" fmla="*/ 0 w 12193200"/>
              <a:gd name="connsiteY188" fmla="*/ 0 h 6861600"/>
              <a:gd name="connsiteX189" fmla="*/ 12193200 w 12193200"/>
              <a:gd name="connsiteY189" fmla="*/ 0 h 6861600"/>
              <a:gd name="connsiteX190" fmla="*/ 12193200 w 12193200"/>
              <a:gd name="connsiteY190" fmla="*/ 6861600 h 6861600"/>
              <a:gd name="connsiteX191" fmla="*/ 0 w 12193200"/>
              <a:gd name="connsiteY191" fmla="*/ 686160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</a:cxnLst>
            <a:rect l="l" t="t" r="r" b="b"/>
            <a:pathLst>
              <a:path w="12193200" h="6861600">
                <a:moveTo>
                  <a:pt x="3655602" y="6506306"/>
                </a:moveTo>
                <a:lnTo>
                  <a:pt x="3625084" y="6579572"/>
                </a:lnTo>
                <a:lnTo>
                  <a:pt x="3629884" y="6579572"/>
                </a:lnTo>
                <a:lnTo>
                  <a:pt x="3660402" y="6506306"/>
                </a:lnTo>
                <a:close/>
                <a:moveTo>
                  <a:pt x="3607977" y="6506306"/>
                </a:moveTo>
                <a:lnTo>
                  <a:pt x="3577459" y="6579572"/>
                </a:lnTo>
                <a:lnTo>
                  <a:pt x="3582259" y="6579572"/>
                </a:lnTo>
                <a:lnTo>
                  <a:pt x="3612777" y="6506306"/>
                </a:lnTo>
                <a:close/>
                <a:moveTo>
                  <a:pt x="3057956" y="6506306"/>
                </a:moveTo>
                <a:lnTo>
                  <a:pt x="3027438" y="6579572"/>
                </a:lnTo>
                <a:lnTo>
                  <a:pt x="3032238" y="6579572"/>
                </a:lnTo>
                <a:lnTo>
                  <a:pt x="3062756" y="6506306"/>
                </a:lnTo>
                <a:close/>
                <a:moveTo>
                  <a:pt x="3010331" y="6506306"/>
                </a:moveTo>
                <a:lnTo>
                  <a:pt x="2979813" y="6579572"/>
                </a:lnTo>
                <a:lnTo>
                  <a:pt x="2984613" y="6579572"/>
                </a:lnTo>
                <a:lnTo>
                  <a:pt x="3015131" y="6506306"/>
                </a:lnTo>
                <a:close/>
                <a:moveTo>
                  <a:pt x="1096258" y="6373888"/>
                </a:moveTo>
                <a:lnTo>
                  <a:pt x="1136597" y="6373888"/>
                </a:lnTo>
                <a:cubicBezTo>
                  <a:pt x="1159994" y="6373888"/>
                  <a:pt x="1172891" y="6386785"/>
                  <a:pt x="1172891" y="6405382"/>
                </a:cubicBezTo>
                <a:cubicBezTo>
                  <a:pt x="1172891" y="6429681"/>
                  <a:pt x="1155793" y="6442877"/>
                  <a:pt x="1124001" y="6442877"/>
                </a:cubicBezTo>
                <a:lnTo>
                  <a:pt x="1084189" y="6442877"/>
                </a:lnTo>
                <a:close/>
                <a:moveTo>
                  <a:pt x="1048640" y="6325326"/>
                </a:moveTo>
                <a:lnTo>
                  <a:pt x="1004364" y="6576458"/>
                </a:lnTo>
                <a:lnTo>
                  <a:pt x="1060430" y="6576458"/>
                </a:lnTo>
                <a:lnTo>
                  <a:pt x="1075325" y="6491361"/>
                </a:lnTo>
                <a:lnTo>
                  <a:pt x="1109228" y="6491361"/>
                </a:lnTo>
                <a:cubicBezTo>
                  <a:pt x="1187347" y="6491361"/>
                  <a:pt x="1231474" y="6463304"/>
                  <a:pt x="1231474" y="6400670"/>
                </a:cubicBezTo>
                <a:cubicBezTo>
                  <a:pt x="1231474" y="6364596"/>
                  <a:pt x="1215787" y="6325326"/>
                  <a:pt x="1141035" y="6325326"/>
                </a:cubicBezTo>
                <a:close/>
                <a:moveTo>
                  <a:pt x="588883" y="6325325"/>
                </a:moveTo>
                <a:lnTo>
                  <a:pt x="544615" y="6576459"/>
                </a:lnTo>
                <a:lnTo>
                  <a:pt x="600661" y="6576459"/>
                </a:lnTo>
                <a:lnTo>
                  <a:pt x="615455" y="6491360"/>
                </a:lnTo>
                <a:lnTo>
                  <a:pt x="708015" y="6491360"/>
                </a:lnTo>
                <a:lnTo>
                  <a:pt x="716556" y="6442876"/>
                </a:lnTo>
                <a:lnTo>
                  <a:pt x="623938" y="6442876"/>
                </a:lnTo>
                <a:lnTo>
                  <a:pt x="636430" y="6373811"/>
                </a:lnTo>
                <a:lnTo>
                  <a:pt x="756090" y="6373811"/>
                </a:lnTo>
                <a:lnTo>
                  <a:pt x="764636" y="6325325"/>
                </a:lnTo>
                <a:close/>
                <a:moveTo>
                  <a:pt x="864535" y="6319177"/>
                </a:moveTo>
                <a:cubicBezTo>
                  <a:pt x="816833" y="6319177"/>
                  <a:pt x="773636" y="6344591"/>
                  <a:pt x="773636" y="6385426"/>
                </a:cubicBezTo>
                <a:cubicBezTo>
                  <a:pt x="773636" y="6407663"/>
                  <a:pt x="785748" y="6428689"/>
                  <a:pt x="803914" y="6432731"/>
                </a:cubicBezTo>
                <a:cubicBezTo>
                  <a:pt x="767545" y="6432731"/>
                  <a:pt x="734839" y="6465828"/>
                  <a:pt x="734839" y="6503830"/>
                </a:cubicBezTo>
                <a:cubicBezTo>
                  <a:pt x="734839" y="6551940"/>
                  <a:pt x="784498" y="6582607"/>
                  <a:pt x="843541" y="6582607"/>
                </a:cubicBezTo>
                <a:cubicBezTo>
                  <a:pt x="904552" y="6582607"/>
                  <a:pt x="972007" y="6551535"/>
                  <a:pt x="972007" y="6499787"/>
                </a:cubicBezTo>
                <a:cubicBezTo>
                  <a:pt x="972007" y="6475925"/>
                  <a:pt x="958682" y="6456960"/>
                  <a:pt x="923557" y="6452936"/>
                </a:cubicBezTo>
                <a:cubicBezTo>
                  <a:pt x="963524" y="6436756"/>
                  <a:pt x="1026963" y="6412917"/>
                  <a:pt x="1026963" y="6366823"/>
                </a:cubicBezTo>
                <a:cubicBezTo>
                  <a:pt x="1026963" y="6339350"/>
                  <a:pt x="1003951" y="6325645"/>
                  <a:pt x="980135" y="6325645"/>
                </a:cubicBezTo>
                <a:cubicBezTo>
                  <a:pt x="969732" y="6325693"/>
                  <a:pt x="959452" y="6327911"/>
                  <a:pt x="949955" y="6332158"/>
                </a:cubicBezTo>
                <a:lnTo>
                  <a:pt x="946923" y="6349349"/>
                </a:lnTo>
                <a:cubicBezTo>
                  <a:pt x="966471" y="6343128"/>
                  <a:pt x="977307" y="6351963"/>
                  <a:pt x="977307" y="6368035"/>
                </a:cubicBezTo>
                <a:cubicBezTo>
                  <a:pt x="977307" y="6391083"/>
                  <a:pt x="953836" y="6403215"/>
                  <a:pt x="929612" y="6417768"/>
                </a:cubicBezTo>
                <a:lnTo>
                  <a:pt x="883921" y="6444812"/>
                </a:lnTo>
                <a:cubicBezTo>
                  <a:pt x="870579" y="6453339"/>
                  <a:pt x="854461" y="6462596"/>
                  <a:pt x="854461" y="6479161"/>
                </a:cubicBezTo>
                <a:cubicBezTo>
                  <a:pt x="854567" y="6483329"/>
                  <a:pt x="856082" y="6487338"/>
                  <a:pt x="858762" y="6490533"/>
                </a:cubicBezTo>
                <a:lnTo>
                  <a:pt x="874635" y="6490533"/>
                </a:lnTo>
                <a:cubicBezTo>
                  <a:pt x="870642" y="6479224"/>
                  <a:pt x="879463" y="6465414"/>
                  <a:pt x="896056" y="6465414"/>
                </a:cubicBezTo>
                <a:cubicBezTo>
                  <a:pt x="911432" y="6465414"/>
                  <a:pt x="917903" y="6477948"/>
                  <a:pt x="917903" y="6494122"/>
                </a:cubicBezTo>
                <a:cubicBezTo>
                  <a:pt x="917903" y="6533746"/>
                  <a:pt x="889988" y="6566090"/>
                  <a:pt x="846369" y="6566090"/>
                </a:cubicBezTo>
                <a:cubicBezTo>
                  <a:pt x="805929" y="6566090"/>
                  <a:pt x="788941" y="6538189"/>
                  <a:pt x="788941" y="6507869"/>
                </a:cubicBezTo>
                <a:cubicBezTo>
                  <a:pt x="788941" y="6473189"/>
                  <a:pt x="813395" y="6442926"/>
                  <a:pt x="847337" y="6442878"/>
                </a:cubicBezTo>
                <a:lnTo>
                  <a:pt x="849488" y="6430680"/>
                </a:lnTo>
                <a:cubicBezTo>
                  <a:pt x="829343" y="6420053"/>
                  <a:pt x="823695" y="6398868"/>
                  <a:pt x="823695" y="6382593"/>
                </a:cubicBezTo>
                <a:cubicBezTo>
                  <a:pt x="823695" y="6360361"/>
                  <a:pt x="833815" y="6334887"/>
                  <a:pt x="856476" y="6334887"/>
                </a:cubicBezTo>
                <a:cubicBezTo>
                  <a:pt x="872997" y="6334887"/>
                  <a:pt x="877445" y="6351465"/>
                  <a:pt x="876234" y="6364405"/>
                </a:cubicBezTo>
                <a:cubicBezTo>
                  <a:pt x="874612" y="6380170"/>
                  <a:pt x="883513" y="6389469"/>
                  <a:pt x="896459" y="6389469"/>
                </a:cubicBezTo>
                <a:cubicBezTo>
                  <a:pt x="913450" y="6389469"/>
                  <a:pt x="925174" y="6374915"/>
                  <a:pt x="925174" y="6357933"/>
                </a:cubicBezTo>
                <a:cubicBezTo>
                  <a:pt x="925174" y="6333681"/>
                  <a:pt x="900509" y="6319177"/>
                  <a:pt x="864535" y="6319177"/>
                </a:cubicBezTo>
                <a:close/>
                <a:moveTo>
                  <a:pt x="4621778" y="3601883"/>
                </a:moveTo>
                <a:cubicBezTo>
                  <a:pt x="4646231" y="3602198"/>
                  <a:pt x="4663821" y="3606773"/>
                  <a:pt x="4674548" y="3615607"/>
                </a:cubicBezTo>
                <a:cubicBezTo>
                  <a:pt x="4688852" y="3627387"/>
                  <a:pt x="4696003" y="3648421"/>
                  <a:pt x="4696003" y="3678711"/>
                </a:cubicBezTo>
                <a:lnTo>
                  <a:pt x="4696003" y="3744338"/>
                </a:lnTo>
                <a:cubicBezTo>
                  <a:pt x="4696003" y="3823427"/>
                  <a:pt x="4670762" y="3889475"/>
                  <a:pt x="4620280" y="3942482"/>
                </a:cubicBezTo>
                <a:cubicBezTo>
                  <a:pt x="4569797" y="3995488"/>
                  <a:pt x="4505853" y="4021992"/>
                  <a:pt x="4428447" y="4021992"/>
                </a:cubicBezTo>
                <a:cubicBezTo>
                  <a:pt x="4369550" y="4021992"/>
                  <a:pt x="4325379" y="4006005"/>
                  <a:pt x="4295930" y="3974033"/>
                </a:cubicBezTo>
                <a:cubicBezTo>
                  <a:pt x="4266482" y="3942061"/>
                  <a:pt x="4251758" y="3901675"/>
                  <a:pt x="4251758" y="3852875"/>
                </a:cubicBezTo>
                <a:cubicBezTo>
                  <a:pt x="4251758" y="3792296"/>
                  <a:pt x="4277419" y="3738448"/>
                  <a:pt x="4328743" y="3691331"/>
                </a:cubicBezTo>
                <a:cubicBezTo>
                  <a:pt x="4380068" y="3644214"/>
                  <a:pt x="4468832" y="3614766"/>
                  <a:pt x="4595038" y="3602987"/>
                </a:cubicBezTo>
                <a:cubicBezTo>
                  <a:pt x="4604714" y="3602145"/>
                  <a:pt x="4613627" y="3601777"/>
                  <a:pt x="4621778" y="3601883"/>
                </a:cubicBezTo>
                <a:close/>
                <a:moveTo>
                  <a:pt x="2512064" y="2603433"/>
                </a:moveTo>
                <a:cubicBezTo>
                  <a:pt x="2486822" y="2603433"/>
                  <a:pt x="2472519" y="2616895"/>
                  <a:pt x="2469154" y="2643819"/>
                </a:cubicBezTo>
                <a:lnTo>
                  <a:pt x="2423719" y="2989624"/>
                </a:lnTo>
                <a:lnTo>
                  <a:pt x="2507015" y="2989624"/>
                </a:lnTo>
                <a:cubicBezTo>
                  <a:pt x="2532257" y="2918949"/>
                  <a:pt x="2557077" y="2864680"/>
                  <a:pt x="2581477" y="2826818"/>
                </a:cubicBezTo>
                <a:cubicBezTo>
                  <a:pt x="2605877" y="2788957"/>
                  <a:pt x="2635746" y="2762032"/>
                  <a:pt x="2671084" y="2746046"/>
                </a:cubicBezTo>
                <a:cubicBezTo>
                  <a:pt x="2706421" y="2730060"/>
                  <a:pt x="2754380" y="2722067"/>
                  <a:pt x="2814959" y="2722067"/>
                </a:cubicBezTo>
                <a:cubicBezTo>
                  <a:pt x="2870489" y="2722067"/>
                  <a:pt x="2910875" y="2725853"/>
                  <a:pt x="2936117" y="2733426"/>
                </a:cubicBezTo>
                <a:cubicBezTo>
                  <a:pt x="2961358" y="2740998"/>
                  <a:pt x="2978185" y="2755722"/>
                  <a:pt x="2986599" y="2777598"/>
                </a:cubicBezTo>
                <a:cubicBezTo>
                  <a:pt x="2995013" y="2799474"/>
                  <a:pt x="2999220" y="2833970"/>
                  <a:pt x="2999220" y="2881087"/>
                </a:cubicBezTo>
                <a:lnTo>
                  <a:pt x="2999220" y="3941220"/>
                </a:lnTo>
                <a:cubicBezTo>
                  <a:pt x="2999220" y="3991702"/>
                  <a:pt x="2980289" y="4028302"/>
                  <a:pt x="2942427" y="4051019"/>
                </a:cubicBezTo>
                <a:cubicBezTo>
                  <a:pt x="2904565" y="4073736"/>
                  <a:pt x="2835152" y="4088460"/>
                  <a:pt x="2734187" y="4095191"/>
                </a:cubicBezTo>
                <a:lnTo>
                  <a:pt x="2734187" y="4175963"/>
                </a:lnTo>
                <a:lnTo>
                  <a:pt x="3607534" y="4175963"/>
                </a:lnTo>
                <a:lnTo>
                  <a:pt x="3607534" y="4095191"/>
                </a:lnTo>
                <a:cubicBezTo>
                  <a:pt x="3506569" y="4088460"/>
                  <a:pt x="3437156" y="4073736"/>
                  <a:pt x="3399294" y="4051019"/>
                </a:cubicBezTo>
                <a:cubicBezTo>
                  <a:pt x="3361432" y="4028302"/>
                  <a:pt x="3342501" y="3991702"/>
                  <a:pt x="3342501" y="3941220"/>
                </a:cubicBezTo>
                <a:lnTo>
                  <a:pt x="3342501" y="2881087"/>
                </a:lnTo>
                <a:cubicBezTo>
                  <a:pt x="3342501" y="2833970"/>
                  <a:pt x="3346708" y="2799474"/>
                  <a:pt x="3355121" y="2777598"/>
                </a:cubicBezTo>
                <a:cubicBezTo>
                  <a:pt x="3363535" y="2755722"/>
                  <a:pt x="3380363" y="2740998"/>
                  <a:pt x="3405604" y="2733426"/>
                </a:cubicBezTo>
                <a:cubicBezTo>
                  <a:pt x="3430845" y="2725853"/>
                  <a:pt x="3471231" y="2722067"/>
                  <a:pt x="3526762" y="2722067"/>
                </a:cubicBezTo>
                <a:cubicBezTo>
                  <a:pt x="3587341" y="2722067"/>
                  <a:pt x="3635299" y="2730060"/>
                  <a:pt x="3670637" y="2746046"/>
                </a:cubicBezTo>
                <a:cubicBezTo>
                  <a:pt x="3705975" y="2762032"/>
                  <a:pt x="3735844" y="2788957"/>
                  <a:pt x="3760244" y="2826818"/>
                </a:cubicBezTo>
                <a:cubicBezTo>
                  <a:pt x="3784644" y="2864680"/>
                  <a:pt x="3809464" y="2918949"/>
                  <a:pt x="3834705" y="2989624"/>
                </a:cubicBezTo>
                <a:lnTo>
                  <a:pt x="3918002" y="2989624"/>
                </a:lnTo>
                <a:lnTo>
                  <a:pt x="3872567" y="2643819"/>
                </a:lnTo>
                <a:cubicBezTo>
                  <a:pt x="3869202" y="2616895"/>
                  <a:pt x="3854898" y="2603433"/>
                  <a:pt x="3829657" y="2603433"/>
                </a:cubicBezTo>
                <a:lnTo>
                  <a:pt x="3824609" y="2603433"/>
                </a:lnTo>
                <a:cubicBezTo>
                  <a:pt x="3780857" y="2606799"/>
                  <a:pt x="3730375" y="2608482"/>
                  <a:pt x="3673161" y="2608482"/>
                </a:cubicBezTo>
                <a:lnTo>
                  <a:pt x="2668559" y="2608482"/>
                </a:lnTo>
                <a:lnTo>
                  <a:pt x="2565070" y="2605957"/>
                </a:lnTo>
                <a:cubicBezTo>
                  <a:pt x="2549926" y="2604275"/>
                  <a:pt x="2532257" y="2603433"/>
                  <a:pt x="2512064" y="2603433"/>
                </a:cubicBezTo>
                <a:close/>
                <a:moveTo>
                  <a:pt x="5484721" y="2522661"/>
                </a:moveTo>
                <a:cubicBezTo>
                  <a:pt x="5472942" y="2522661"/>
                  <a:pt x="5463687" y="2523503"/>
                  <a:pt x="5456956" y="2525185"/>
                </a:cubicBezTo>
                <a:lnTo>
                  <a:pt x="5103578" y="2590813"/>
                </a:lnTo>
                <a:lnTo>
                  <a:pt x="5103578" y="2669061"/>
                </a:lnTo>
                <a:cubicBezTo>
                  <a:pt x="5162475" y="2664012"/>
                  <a:pt x="5204123" y="2671164"/>
                  <a:pt x="5228522" y="2690516"/>
                </a:cubicBezTo>
                <a:cubicBezTo>
                  <a:pt x="5252922" y="2709867"/>
                  <a:pt x="5265122" y="2748150"/>
                  <a:pt x="5265122" y="2805363"/>
                </a:cubicBezTo>
                <a:lnTo>
                  <a:pt x="5265122" y="3936171"/>
                </a:lnTo>
                <a:cubicBezTo>
                  <a:pt x="5265122" y="3993385"/>
                  <a:pt x="5253343" y="4033350"/>
                  <a:pt x="5229784" y="4056067"/>
                </a:cubicBezTo>
                <a:cubicBezTo>
                  <a:pt x="5212116" y="4073105"/>
                  <a:pt x="5184035" y="4085173"/>
                  <a:pt x="5145542" y="4092273"/>
                </a:cubicBezTo>
                <a:lnTo>
                  <a:pt x="5115009" y="4096233"/>
                </a:lnTo>
                <a:lnTo>
                  <a:pt x="5115009" y="4054805"/>
                </a:lnTo>
                <a:cubicBezTo>
                  <a:pt x="5099864" y="4059853"/>
                  <a:pt x="5086402" y="4062378"/>
                  <a:pt x="5074622" y="4062378"/>
                </a:cubicBezTo>
                <a:cubicBezTo>
                  <a:pt x="5051064" y="4062378"/>
                  <a:pt x="5032553" y="4053122"/>
                  <a:pt x="5019091" y="4034612"/>
                </a:cubicBezTo>
                <a:cubicBezTo>
                  <a:pt x="5005629" y="4016102"/>
                  <a:pt x="4998898" y="3990019"/>
                  <a:pt x="4998898" y="3956364"/>
                </a:cubicBezTo>
                <a:lnTo>
                  <a:pt x="4998898" y="3474256"/>
                </a:lnTo>
                <a:cubicBezTo>
                  <a:pt x="4998898" y="3358147"/>
                  <a:pt x="4983755" y="3266858"/>
                  <a:pt x="4953464" y="3200389"/>
                </a:cubicBezTo>
                <a:cubicBezTo>
                  <a:pt x="4923175" y="3133920"/>
                  <a:pt x="4877320" y="3086383"/>
                  <a:pt x="4815899" y="3057776"/>
                </a:cubicBezTo>
                <a:cubicBezTo>
                  <a:pt x="4754479" y="3029169"/>
                  <a:pt x="4674128" y="3014866"/>
                  <a:pt x="4574846" y="3014866"/>
                </a:cubicBezTo>
                <a:cubicBezTo>
                  <a:pt x="4423398" y="3014866"/>
                  <a:pt x="4292143" y="3040107"/>
                  <a:pt x="4181082" y="3090589"/>
                </a:cubicBezTo>
                <a:cubicBezTo>
                  <a:pt x="4070020" y="3141072"/>
                  <a:pt x="4014490" y="3211747"/>
                  <a:pt x="4014490" y="3302616"/>
                </a:cubicBezTo>
                <a:cubicBezTo>
                  <a:pt x="4014490" y="3343002"/>
                  <a:pt x="4027110" y="3376236"/>
                  <a:pt x="4052352" y="3402319"/>
                </a:cubicBezTo>
                <a:cubicBezTo>
                  <a:pt x="4077593" y="3428402"/>
                  <a:pt x="4112931" y="3441443"/>
                  <a:pt x="4158365" y="3441443"/>
                </a:cubicBezTo>
                <a:cubicBezTo>
                  <a:pt x="4203799" y="3441443"/>
                  <a:pt x="4242081" y="3428402"/>
                  <a:pt x="4273213" y="3402319"/>
                </a:cubicBezTo>
                <a:cubicBezTo>
                  <a:pt x="4304343" y="3376236"/>
                  <a:pt x="4319909" y="3337954"/>
                  <a:pt x="4319909" y="3287471"/>
                </a:cubicBezTo>
                <a:cubicBezTo>
                  <a:pt x="4319909" y="3167996"/>
                  <a:pt x="4378805" y="3108258"/>
                  <a:pt x="4496597" y="3108258"/>
                </a:cubicBezTo>
                <a:cubicBezTo>
                  <a:pt x="4565590" y="3108258"/>
                  <a:pt x="4616073" y="3130975"/>
                  <a:pt x="4648045" y="3176410"/>
                </a:cubicBezTo>
                <a:cubicBezTo>
                  <a:pt x="4680017" y="3221844"/>
                  <a:pt x="4696003" y="3290837"/>
                  <a:pt x="4696003" y="3383388"/>
                </a:cubicBezTo>
                <a:lnTo>
                  <a:pt x="4696003" y="3418726"/>
                </a:lnTo>
                <a:cubicBezTo>
                  <a:pt x="4696003" y="3452381"/>
                  <a:pt x="4689693" y="3475518"/>
                  <a:pt x="4677072" y="3488139"/>
                </a:cubicBezTo>
                <a:cubicBezTo>
                  <a:pt x="4664452" y="3500760"/>
                  <a:pt x="4640474" y="3509594"/>
                  <a:pt x="4605136" y="3514642"/>
                </a:cubicBezTo>
                <a:cubicBezTo>
                  <a:pt x="4364502" y="3549980"/>
                  <a:pt x="4193703" y="3599201"/>
                  <a:pt x="4092738" y="3662304"/>
                </a:cubicBezTo>
                <a:cubicBezTo>
                  <a:pt x="3991772" y="3725407"/>
                  <a:pt x="3941290" y="3809124"/>
                  <a:pt x="3941290" y="3913454"/>
                </a:cubicBezTo>
                <a:cubicBezTo>
                  <a:pt x="3941290" y="4006005"/>
                  <a:pt x="3972842" y="4075419"/>
                  <a:pt x="4035945" y="4121694"/>
                </a:cubicBezTo>
                <a:cubicBezTo>
                  <a:pt x="4099048" y="4167970"/>
                  <a:pt x="4177717" y="4191108"/>
                  <a:pt x="4271950" y="4191108"/>
                </a:cubicBezTo>
                <a:cubicBezTo>
                  <a:pt x="4356088" y="4191108"/>
                  <a:pt x="4430970" y="4173439"/>
                  <a:pt x="4496597" y="4138101"/>
                </a:cubicBezTo>
                <a:cubicBezTo>
                  <a:pt x="4562225" y="4102764"/>
                  <a:pt x="4615231" y="4059853"/>
                  <a:pt x="4655617" y="4009371"/>
                </a:cubicBezTo>
                <a:cubicBezTo>
                  <a:pt x="4665714" y="3997592"/>
                  <a:pt x="4674969" y="3991702"/>
                  <a:pt x="4683383" y="3991702"/>
                </a:cubicBezTo>
                <a:cubicBezTo>
                  <a:pt x="4693479" y="3991702"/>
                  <a:pt x="4699369" y="4000116"/>
                  <a:pt x="4701052" y="4016943"/>
                </a:cubicBezTo>
                <a:cubicBezTo>
                  <a:pt x="4706100" y="4065743"/>
                  <a:pt x="4727134" y="4106970"/>
                  <a:pt x="4764155" y="4140625"/>
                </a:cubicBezTo>
                <a:cubicBezTo>
                  <a:pt x="4801175" y="4174280"/>
                  <a:pt x="4853340" y="4191108"/>
                  <a:pt x="4920651" y="4191108"/>
                </a:cubicBezTo>
                <a:cubicBezTo>
                  <a:pt x="4964402" y="4191108"/>
                  <a:pt x="5003947" y="4183536"/>
                  <a:pt x="5039284" y="4168391"/>
                </a:cubicBezTo>
                <a:cubicBezTo>
                  <a:pt x="5065788" y="4157032"/>
                  <a:pt x="5086612" y="4141414"/>
                  <a:pt x="5101756" y="4121537"/>
                </a:cubicBezTo>
                <a:lnTo>
                  <a:pt x="5103578" y="4118609"/>
                </a:lnTo>
                <a:lnTo>
                  <a:pt x="5103578" y="4175963"/>
                </a:lnTo>
                <a:lnTo>
                  <a:pt x="5727037" y="4175963"/>
                </a:lnTo>
                <a:lnTo>
                  <a:pt x="5727037" y="4097715"/>
                </a:lnTo>
                <a:cubicBezTo>
                  <a:pt x="5668140" y="4092667"/>
                  <a:pt x="5626913" y="4078784"/>
                  <a:pt x="5603355" y="4056067"/>
                </a:cubicBezTo>
                <a:cubicBezTo>
                  <a:pt x="5579796" y="4033350"/>
                  <a:pt x="5568017" y="3993385"/>
                  <a:pt x="5568017" y="3936171"/>
                </a:cubicBezTo>
                <a:lnTo>
                  <a:pt x="5568017" y="3809965"/>
                </a:lnTo>
                <a:cubicBezTo>
                  <a:pt x="5568017" y="3772945"/>
                  <a:pt x="5573907" y="3744759"/>
                  <a:pt x="5585686" y="3725407"/>
                </a:cubicBezTo>
                <a:cubicBezTo>
                  <a:pt x="5597465" y="3706055"/>
                  <a:pt x="5619341" y="3682917"/>
                  <a:pt x="5651313" y="3655994"/>
                </a:cubicBezTo>
                <a:cubicBezTo>
                  <a:pt x="5663092" y="3647580"/>
                  <a:pt x="5672348" y="3643373"/>
                  <a:pt x="5679078" y="3643373"/>
                </a:cubicBezTo>
                <a:cubicBezTo>
                  <a:pt x="5690859" y="3643373"/>
                  <a:pt x="5707685" y="3658518"/>
                  <a:pt x="5729561" y="3688807"/>
                </a:cubicBezTo>
                <a:lnTo>
                  <a:pt x="5918871" y="3974033"/>
                </a:lnTo>
                <a:cubicBezTo>
                  <a:pt x="5935698" y="3999274"/>
                  <a:pt x="5944112" y="4021150"/>
                  <a:pt x="5944112" y="4039660"/>
                </a:cubicBezTo>
                <a:cubicBezTo>
                  <a:pt x="5944112" y="4071633"/>
                  <a:pt x="5919712" y="4090984"/>
                  <a:pt x="5870912" y="4097715"/>
                </a:cubicBezTo>
                <a:lnTo>
                  <a:pt x="5870912" y="4175963"/>
                </a:lnTo>
                <a:lnTo>
                  <a:pt x="6491847" y="4175963"/>
                </a:lnTo>
                <a:lnTo>
                  <a:pt x="6491847" y="4097715"/>
                </a:lnTo>
                <a:cubicBezTo>
                  <a:pt x="6434633" y="4090984"/>
                  <a:pt x="6390461" y="4077943"/>
                  <a:pt x="6359330" y="4058591"/>
                </a:cubicBezTo>
                <a:cubicBezTo>
                  <a:pt x="6328199" y="4039240"/>
                  <a:pt x="6296648" y="4006847"/>
                  <a:pt x="6264676" y="3961413"/>
                </a:cubicBezTo>
                <a:lnTo>
                  <a:pt x="5903726" y="3438919"/>
                </a:lnTo>
                <a:lnTo>
                  <a:pt x="6110704" y="3259706"/>
                </a:lnTo>
                <a:cubicBezTo>
                  <a:pt x="6167917" y="3210906"/>
                  <a:pt x="6214614" y="3175989"/>
                  <a:pt x="6250793" y="3154955"/>
                </a:cubicBezTo>
                <a:cubicBezTo>
                  <a:pt x="6286972" y="3133920"/>
                  <a:pt x="6333668" y="3120879"/>
                  <a:pt x="6390882" y="3115831"/>
                </a:cubicBezTo>
                <a:lnTo>
                  <a:pt x="6390882" y="3037583"/>
                </a:lnTo>
                <a:lnTo>
                  <a:pt x="5868388" y="3037583"/>
                </a:lnTo>
                <a:lnTo>
                  <a:pt x="5868388" y="3115831"/>
                </a:lnTo>
                <a:cubicBezTo>
                  <a:pt x="5910456" y="3119196"/>
                  <a:pt x="5942430" y="3128451"/>
                  <a:pt x="5964306" y="3143596"/>
                </a:cubicBezTo>
                <a:cubicBezTo>
                  <a:pt x="5986180" y="3158741"/>
                  <a:pt x="5997119" y="3176410"/>
                  <a:pt x="5997119" y="3196603"/>
                </a:cubicBezTo>
                <a:cubicBezTo>
                  <a:pt x="5997119" y="3216796"/>
                  <a:pt x="5987863" y="3234465"/>
                  <a:pt x="5969353" y="3249609"/>
                </a:cubicBezTo>
                <a:lnTo>
                  <a:pt x="5656362" y="3522215"/>
                </a:lnTo>
                <a:cubicBezTo>
                  <a:pt x="5644582" y="3532311"/>
                  <a:pt x="5631962" y="3537360"/>
                  <a:pt x="5618500" y="3537360"/>
                </a:cubicBezTo>
                <a:cubicBezTo>
                  <a:pt x="5603355" y="3537360"/>
                  <a:pt x="5591155" y="3531049"/>
                  <a:pt x="5581900" y="3518429"/>
                </a:cubicBezTo>
                <a:cubicBezTo>
                  <a:pt x="5572645" y="3505808"/>
                  <a:pt x="5568017" y="3487718"/>
                  <a:pt x="5568017" y="3464160"/>
                </a:cubicBezTo>
                <a:lnTo>
                  <a:pt x="5568017" y="2613530"/>
                </a:lnTo>
                <a:cubicBezTo>
                  <a:pt x="5568017" y="2552951"/>
                  <a:pt x="5540252" y="2522661"/>
                  <a:pt x="5484721" y="2522661"/>
                </a:cubicBez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 w="0">
            <a:solidFill>
              <a:schemeClr val="accent1">
                <a:alpha val="0"/>
              </a:schemeClr>
            </a:solidFill>
          </a:ln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noProof="0" dirty="0"/>
              <a:t>Klik på rammen for at indsætte et billede via Templafy</a:t>
            </a:r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79CBD839-C795-43E8-A7EB-2F7F8BDA9D7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37200" y="4993200"/>
            <a:ext cx="5425200" cy="280800"/>
          </a:xfrm>
        </p:spPr>
        <p:txBody>
          <a:bodyPr anchor="b" anchorCtr="0"/>
          <a:lstStyle>
            <a:lvl1pPr marL="0" indent="0" algn="l">
              <a:lnSpc>
                <a:spcPct val="120000"/>
              </a:lnSpc>
              <a:buNone/>
              <a:defRPr sz="1600" b="0">
                <a:solidFill>
                  <a:schemeClr val="tx2"/>
                </a:solidFill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navn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184254D8-338B-4244-97CC-D4E76EFDE97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437200" y="5255730"/>
            <a:ext cx="5425200" cy="280800"/>
          </a:xfrm>
        </p:spPr>
        <p:txBody>
          <a:bodyPr/>
          <a:lstStyle>
            <a:lvl1pPr marL="0" indent="0" algn="l">
              <a:lnSpc>
                <a:spcPct val="120000"/>
              </a:lnSpc>
              <a:buNone/>
              <a:defRPr sz="1600" b="0">
                <a:solidFill>
                  <a:schemeClr val="tx2"/>
                </a:solidFill>
              </a:defRPr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a-DK" dirty="0"/>
              <a:t>Klik for at tilføje xx@forsikringogpension.dk</a:t>
            </a:r>
          </a:p>
        </p:txBody>
      </p:sp>
    </p:spTree>
    <p:extLst>
      <p:ext uri="{BB962C8B-B14F-4D97-AF65-F5344CB8AC3E}">
        <p14:creationId xmlns:p14="http://schemas.microsoft.com/office/powerpoint/2010/main" val="476207731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571200" y="1209600"/>
            <a:ext cx="2016000" cy="50212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+mn-lt"/>
                <a:cs typeface="Arial" panose="020B0604020202020204" pitchFamily="34" charset="0"/>
              </a:rPr>
              <a:t>BILLEDER</a:t>
            </a:r>
            <a:br>
              <a:rPr lang="da-DK" sz="1600" dirty="0"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, hvis Templafy vinduet ikke er i højre side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billedepladsholder ved at klikke på rammen (helt ude i kanten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illeder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kan søge efter billeder i søge feltet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da-DK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søge efter billede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</a:p>
        </p:txBody>
      </p: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602400" y="1209600"/>
            <a:ext cx="2016000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0" kern="1200" baseline="0" dirty="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Indsæt prædefineret slides og elementer fra Templafy knappen. Vælg Slides og Slide elements fra </a:t>
            </a:r>
            <a:r>
              <a:rPr lang="da-DK" sz="900" b="0" kern="1200" baseline="0" dirty="0" err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ropdown</a:t>
            </a:r>
            <a:r>
              <a:rPr lang="da-DK" sz="900" b="0" kern="1200" baseline="0" dirty="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menuen eller knapperne i Templafy vinduet i højre side af skærm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da-DK" sz="1200" dirty="0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2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sz="1200" kern="1200" dirty="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HJÆLPELINJER</a:t>
            </a:r>
            <a:endParaRPr lang="da-DK" altLang="da-DK" sz="1200" kern="1200" noProof="1">
              <a:solidFill>
                <a:schemeClr val="tx1"/>
              </a:solidFill>
              <a:latin typeface="+mn-lt"/>
              <a:ea typeface="+mn-ea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da-DK" sz="900" b="0" i="0" dirty="0">
                <a:solidFill>
                  <a:srgbClr val="333333"/>
                </a:solidFill>
                <a:effectLst/>
                <a:latin typeface="Arial"/>
              </a:rPr>
              <a:t>⌘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+ option + ctrl + G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2" y="1209600"/>
            <a:ext cx="2016000" cy="49250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2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2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b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525108" y="3679407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031"/>
          <a:stretch/>
        </p:blipFill>
        <p:spPr>
          <a:xfrm>
            <a:off x="2525108" y="5477228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3901" t="45142" r="62601" b="9046"/>
          <a:stretch/>
        </p:blipFill>
        <p:spPr>
          <a:xfrm>
            <a:off x="5541200" y="3664899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582701" y="4403992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539752" y="448713"/>
            <a:ext cx="11109321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</a:p>
        </p:txBody>
      </p:sp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8501486" y="3533960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685BF3B-D2A3-42D2-9550-9B5ED30F4211}" type="datetime3">
              <a:rPr lang="da-DK" smtClean="0"/>
              <a:t>27.01.2026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3" name="Text Box 3">
            <a:extLst>
              <a:ext uri="{FF2B5EF4-FFF2-40B4-BE49-F238E27FC236}">
                <a16:creationId xmlns:a16="http://schemas.microsoft.com/office/drawing/2014/main" id="{00D8EA92-72E3-43A3-ABFB-27E510EF0C7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633600" y="1209600"/>
            <a:ext cx="2016000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altLang="da-DK" sz="12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200" b="0" kern="1200" dirty="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Farver</a:t>
            </a:r>
            <a:br>
              <a:rPr lang="da-DK" sz="12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da-DK" altLang="da-DK" sz="898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Brug kun de øverste farver i farvetemaet og jeres Custom color</a:t>
            </a:r>
            <a:endParaRPr lang="da-DK" altLang="da-DK" sz="673" b="0" kern="1200" noProof="1">
              <a:solidFill>
                <a:schemeClr val="tx1"/>
              </a:solidFill>
              <a:latin typeface="+mn-lt"/>
              <a:ea typeface="+mn-ea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78953A36-8030-40D2-89A9-8DD8D7F71D91}"/>
              </a:ext>
            </a:extLst>
          </p:cNvPr>
          <p:cNvGrpSpPr/>
          <p:nvPr userDrawn="1"/>
        </p:nvGrpSpPr>
        <p:grpSpPr>
          <a:xfrm>
            <a:off x="5582343" y="1833040"/>
            <a:ext cx="676669" cy="997704"/>
            <a:chOff x="5582343" y="1833040"/>
            <a:chExt cx="676669" cy="997704"/>
          </a:xfrm>
        </p:grpSpPr>
        <p:pic>
          <p:nvPicPr>
            <p:cNvPr id="46" name="Billede 26">
              <a:extLst>
                <a:ext uri="{FF2B5EF4-FFF2-40B4-BE49-F238E27FC236}">
                  <a16:creationId xmlns:a16="http://schemas.microsoft.com/office/drawing/2014/main" id="{065C5EA8-274A-40E8-8285-AF743112456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/>
            <a:stretch>
              <a:fillRect/>
            </a:stretch>
          </p:blipFill>
          <p:spPr>
            <a:xfrm>
              <a:off x="5582343" y="1833040"/>
              <a:ext cx="305786" cy="365851"/>
            </a:xfrm>
            <a:prstGeom prst="rect">
              <a:avLst/>
            </a:prstGeom>
          </p:spPr>
        </p:pic>
        <p:pic>
          <p:nvPicPr>
            <p:cNvPr id="47" name="Billede 37">
              <a:extLst>
                <a:ext uri="{FF2B5EF4-FFF2-40B4-BE49-F238E27FC236}">
                  <a16:creationId xmlns:a16="http://schemas.microsoft.com/office/drawing/2014/main" id="{6FD64FCF-9179-47D2-B7B6-7A158A91A982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8"/>
            <a:srcRect l="1432" t="16308" r="2422" b="1509"/>
            <a:stretch/>
          </p:blipFill>
          <p:spPr>
            <a:xfrm>
              <a:off x="5584159" y="2202255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49" name="Picture 2" descr="C:\Users\MAV~1.SKA\AppData\Local\Temp\SNAGHTMLe48c1e.PNG">
            <a:extLst>
              <a:ext uri="{FF2B5EF4-FFF2-40B4-BE49-F238E27FC236}">
                <a16:creationId xmlns:a16="http://schemas.microsoft.com/office/drawing/2014/main" id="{2B2C1740-B64F-42D2-8E16-F8C7991D4886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33856" y="1649686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6C4A3A6-2535-4BC2-AD8E-1EF6A15F51F0}"/>
              </a:ext>
            </a:extLst>
          </p:cNvPr>
          <p:cNvGrpSpPr/>
          <p:nvPr userDrawn="1"/>
        </p:nvGrpSpPr>
        <p:grpSpPr>
          <a:xfrm>
            <a:off x="9627565" y="4077327"/>
            <a:ext cx="1134315" cy="2242554"/>
            <a:chOff x="9627565" y="4077326"/>
            <a:chExt cx="1347154" cy="2663339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71FE7C48-BC7E-4CAD-A4CC-3E0990693C6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0"/>
            <a:stretch>
              <a:fillRect/>
            </a:stretch>
          </p:blipFill>
          <p:spPr>
            <a:xfrm>
              <a:off x="9627565" y="4077326"/>
              <a:ext cx="1347154" cy="2663339"/>
            </a:xfrm>
            <a:prstGeom prst="rect">
              <a:avLst/>
            </a:prstGeom>
          </p:spPr>
        </p:pic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8A88CFAF-7CB9-42AD-BA00-C27F48ECA2AA}"/>
                </a:ext>
              </a:extLst>
            </p:cNvPr>
            <p:cNvSpPr/>
            <p:nvPr userDrawn="1"/>
          </p:nvSpPr>
          <p:spPr>
            <a:xfrm>
              <a:off x="9645580" y="4287127"/>
              <a:ext cx="1318313" cy="189456"/>
            </a:xfrm>
            <a:prstGeom prst="rect">
              <a:avLst/>
            </a:prstGeom>
            <a:noFill/>
            <a:ln w="254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796" dirty="0" err="1"/>
            </a:p>
          </p:txBody>
        </p: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720735CA-0A3C-4597-BBCF-5AD1277D979D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9637458" y="4515832"/>
              <a:ext cx="1331702" cy="540227"/>
            </a:xfrm>
            <a:prstGeom prst="line">
              <a:avLst/>
            </a:prstGeom>
            <a:ln w="254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5027AFB2-8F01-470A-9A57-64375F8B71E8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9642726" y="4522041"/>
              <a:ext cx="1316539" cy="534017"/>
            </a:xfrm>
            <a:prstGeom prst="line">
              <a:avLst/>
            </a:prstGeom>
            <a:ln w="254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5D083F24-FCD6-4F62-8845-EA855B18D192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9648465" y="6089999"/>
              <a:ext cx="1310799" cy="130831"/>
            </a:xfrm>
            <a:prstGeom prst="line">
              <a:avLst/>
            </a:prstGeom>
            <a:ln w="254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8043B5E7-FDD0-4690-93D3-FB35ACDF5BF9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9645581" y="6090000"/>
              <a:ext cx="1313684" cy="130831"/>
            </a:xfrm>
            <a:prstGeom prst="line">
              <a:avLst/>
            </a:prstGeom>
            <a:ln w="254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62" name="Picture 29">
            <a:extLst>
              <a:ext uri="{FF2B5EF4-FFF2-40B4-BE49-F238E27FC236}">
                <a16:creationId xmlns:a16="http://schemas.microsoft.com/office/drawing/2014/main" id="{29F751D2-0503-4919-9DDD-D8BCBEA3A3C5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525108" y="2070319"/>
            <a:ext cx="457143" cy="257143"/>
          </a:xfrm>
          <a:prstGeom prst="rect">
            <a:avLst/>
          </a:prstGeom>
        </p:spPr>
      </p:pic>
      <p:pic>
        <p:nvPicPr>
          <p:cNvPr id="65" name="Picture 64">
            <a:extLst>
              <a:ext uri="{FF2B5EF4-FFF2-40B4-BE49-F238E27FC236}">
                <a16:creationId xmlns:a16="http://schemas.microsoft.com/office/drawing/2014/main" id="{3CF17734-DDD9-44B9-82D3-FF946D015F91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2525108" y="4530539"/>
            <a:ext cx="475428" cy="176762"/>
          </a:xfrm>
          <a:prstGeom prst="rect">
            <a:avLst/>
          </a:prstGeom>
        </p:spPr>
      </p:pic>
      <p:pic>
        <p:nvPicPr>
          <p:cNvPr id="66" name="Picture 2">
            <a:extLst>
              <a:ext uri="{FF2B5EF4-FFF2-40B4-BE49-F238E27FC236}">
                <a16:creationId xmlns:a16="http://schemas.microsoft.com/office/drawing/2014/main" id="{FE4EACBD-4D36-49BA-82D7-C73DFDF39372}"/>
              </a:ext>
            </a:extLst>
          </p:cNvPr>
          <p:cNvPicPr>
            <a:picLocks noChangeAspect="1"/>
          </p:cNvPicPr>
          <p:nvPr userDrawn="1"/>
        </p:nvPicPr>
        <p:blipFill>
          <a:blip r:embed="rId13"/>
          <a:stretch>
            <a:fillRect/>
          </a:stretch>
        </p:blipFill>
        <p:spPr>
          <a:xfrm>
            <a:off x="2525108" y="2947015"/>
            <a:ext cx="257143" cy="285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6632895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 dirty="0">
                <a:solidFill>
                  <a:schemeClr val="bg1"/>
                </a:solidFill>
              </a:rPr>
              <a:t>layouts efter dette,</a:t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 dirty="0">
                <a:solidFill>
                  <a:schemeClr val="bg1"/>
                </a:solidFill>
              </a:rPr>
              <a:t>skabelon.</a:t>
            </a:r>
            <a:br>
              <a:rPr lang="da-DK" sz="2800" b="0" noProof="0" dirty="0">
                <a:solidFill>
                  <a:schemeClr val="bg1"/>
                </a:solidFill>
              </a:rPr>
            </a:br>
            <a:br>
              <a:rPr lang="da-DK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 dirty="0">
                <a:solidFill>
                  <a:schemeClr val="bg1"/>
                </a:solidFill>
              </a:rPr>
              <a:t>Brug dem ikke </a:t>
            </a:r>
            <a:endParaRPr lang="da-DK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C9D2EFF-EA33-48BC-B525-62926A670DEA}" type="datetime3">
              <a:rPr lang="da-DK" smtClean="0"/>
              <a:t>27.01.2026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8866222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>
            <a:extLst>
              <a:ext uri="{FF2B5EF4-FFF2-40B4-BE49-F238E27FC236}">
                <a16:creationId xmlns:a16="http://schemas.microsoft.com/office/drawing/2014/main" id="{C60C952E-1E61-4737-82E6-F975464D04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F0C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2E31439D-7B38-435C-98BB-69088FAF0CCF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86D7E848-3A14-4CDD-A9C5-5A655C61309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180000"/>
            <a:ext cx="6706374" cy="2188800"/>
          </a:xfrm>
        </p:spPr>
        <p:txBody>
          <a:bodyPr/>
          <a:lstStyle>
            <a:lvl1pPr>
              <a:lnSpc>
                <a:spcPct val="100000"/>
              </a:lnSpc>
              <a:defRPr sz="13800" spc="-400" baseline="0"/>
            </a:lvl1pPr>
          </a:lstStyle>
          <a:p>
            <a:r>
              <a:rPr lang="da-DK" dirty="0"/>
              <a:t>#Agenda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845793FE-C715-4625-9718-2F676DF5CBE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2620800"/>
            <a:ext cx="63756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</p:spTree>
    <p:extLst>
      <p:ext uri="{BB962C8B-B14F-4D97-AF65-F5344CB8AC3E}">
        <p14:creationId xmlns:p14="http://schemas.microsoft.com/office/powerpoint/2010/main" val="15522406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med billed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>
            <a:extLst>
              <a:ext uri="{FF2B5EF4-FFF2-40B4-BE49-F238E27FC236}">
                <a16:creationId xmlns:a16="http://schemas.microsoft.com/office/drawing/2014/main" id="{C60C952E-1E61-4737-82E6-F975464D04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EF2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2E31439D-7B38-435C-98BB-69088FAF0CCF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26A375E9-5CAD-4473-B128-D4FCA30CD1D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180000"/>
            <a:ext cx="6706374" cy="2188800"/>
          </a:xfrm>
        </p:spPr>
        <p:txBody>
          <a:bodyPr/>
          <a:lstStyle>
            <a:lvl1pPr>
              <a:lnSpc>
                <a:spcPct val="100000"/>
              </a:lnSpc>
              <a:defRPr sz="13800" spc="-400" baseline="0"/>
            </a:lvl1pPr>
          </a:lstStyle>
          <a:p>
            <a:r>
              <a:rPr lang="da-DK" dirty="0"/>
              <a:t>#Agenda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2620800"/>
            <a:ext cx="63756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</p:spTree>
    <p:extLst>
      <p:ext uri="{BB962C8B-B14F-4D97-AF65-F5344CB8AC3E}">
        <p14:creationId xmlns:p14="http://schemas.microsoft.com/office/powerpoint/2010/main" val="34476405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med billede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>
            <a:extLst>
              <a:ext uri="{FF2B5EF4-FFF2-40B4-BE49-F238E27FC236}">
                <a16:creationId xmlns:a16="http://schemas.microsoft.com/office/drawing/2014/main" id="{C60C952E-1E61-4737-82E6-F975464D04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ADC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2E31439D-7B38-435C-98BB-69088FAF0CCF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608092" y="0"/>
            <a:ext cx="4583909" cy="6858000"/>
          </a:xfrm>
          <a:custGeom>
            <a:avLst/>
            <a:gdLst>
              <a:gd name="connsiteX0" fmla="*/ 1219616 w 4583909"/>
              <a:gd name="connsiteY0" fmla="*/ 0 h 6858000"/>
              <a:gd name="connsiteX1" fmla="*/ 4583909 w 4583909"/>
              <a:gd name="connsiteY1" fmla="*/ 0 h 6858000"/>
              <a:gd name="connsiteX2" fmla="*/ 4583909 w 4583909"/>
              <a:gd name="connsiteY2" fmla="*/ 6858000 h 6858000"/>
              <a:gd name="connsiteX3" fmla="*/ 0 w 4583909"/>
              <a:gd name="connsiteY3" fmla="*/ 6858000 h 6858000"/>
              <a:gd name="connsiteX4" fmla="*/ 1219616 w 4583909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583909" h="6858000">
                <a:moveTo>
                  <a:pt x="1219616" y="0"/>
                </a:moveTo>
                <a:lnTo>
                  <a:pt x="4583909" y="0"/>
                </a:lnTo>
                <a:lnTo>
                  <a:pt x="4583909" y="6858000"/>
                </a:lnTo>
                <a:lnTo>
                  <a:pt x="0" y="6858000"/>
                </a:lnTo>
                <a:cubicBezTo>
                  <a:pt x="399074" y="4572000"/>
                  <a:pt x="820542" y="2286000"/>
                  <a:pt x="1219616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lIns="1476000" tIns="0" rIns="18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rammen for at indsætte et billede via Templafy</a:t>
            </a: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9822C724-1314-4DC1-A92D-7B58F1ACE3A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180000"/>
            <a:ext cx="6706374" cy="2188800"/>
          </a:xfrm>
        </p:spPr>
        <p:txBody>
          <a:bodyPr/>
          <a:lstStyle>
            <a:lvl1pPr>
              <a:lnSpc>
                <a:spcPct val="100000"/>
              </a:lnSpc>
              <a:defRPr sz="13800" spc="-400" baseline="0"/>
            </a:lvl1pPr>
          </a:lstStyle>
          <a:p>
            <a:r>
              <a:rPr lang="da-DK" dirty="0"/>
              <a:t>#Agenda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96B633F8-4974-40C6-80CD-5B299C4A276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2620800"/>
            <a:ext cx="63756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</p:spTree>
    <p:extLst>
      <p:ext uri="{BB962C8B-B14F-4D97-AF65-F5344CB8AC3E}">
        <p14:creationId xmlns:p14="http://schemas.microsoft.com/office/powerpoint/2010/main" val="21477030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>
            <a:extLst>
              <a:ext uri="{FF2B5EF4-FFF2-40B4-BE49-F238E27FC236}">
                <a16:creationId xmlns:a16="http://schemas.microsoft.com/office/drawing/2014/main" id="{C60C952E-1E61-4737-82E6-F975464D048F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D7EB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ACD22E9-9AE9-424B-A7A1-AFD0F990FC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180000"/>
            <a:ext cx="8272213" cy="2188800"/>
          </a:xfrm>
        </p:spPr>
        <p:txBody>
          <a:bodyPr/>
          <a:lstStyle>
            <a:lvl1pPr>
              <a:lnSpc>
                <a:spcPct val="100000"/>
              </a:lnSpc>
              <a:defRPr sz="13800" spc="-400" baseline="0"/>
            </a:lvl1pPr>
          </a:lstStyle>
          <a:p>
            <a:r>
              <a:rPr lang="da-DK" dirty="0"/>
              <a:t>#Agenda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467C019-846A-4D3A-8C5F-47AF9FED3C5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2620800"/>
            <a:ext cx="35244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677B8334-ADEB-4113-AE40-A112E2F7C31A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38000" y="2620800"/>
            <a:ext cx="3524400" cy="3164400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1pPr>
            <a:lvl2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/>
            </a:lvl3pPr>
            <a:lvl4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 cap="none" baseline="0"/>
            </a:lvl4pPr>
            <a:lvl5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5pPr>
            <a:lvl6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1"/>
            </a:lvl6pPr>
            <a:lvl7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0" cap="none" baseline="0"/>
            </a:lvl7pPr>
            <a:lvl8pPr marL="720000" indent="-3600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  <a:tabLst>
                <a:tab pos="360000" algn="l"/>
              </a:tabLst>
              <a:defRPr sz="2000" b="1"/>
            </a:lvl8pPr>
            <a:lvl9pPr marL="0" indent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2000" b="0"/>
            </a:lvl9pPr>
          </a:lstStyle>
          <a:p>
            <a:pPr lvl="0"/>
            <a:r>
              <a:rPr lang="da-DK" noProof="0" dirty="0"/>
              <a:t>Klik for at tilføje agendapunkt                                                        Enter &amp; TAB for næste tekst niveau                                SHIFT+TAB for at gå tilbage i niveauer</a:t>
            </a:r>
          </a:p>
          <a:p>
            <a:pPr lvl="1"/>
            <a:r>
              <a:rPr lang="da-DK" noProof="0" dirty="0"/>
              <a:t>Anden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0E28813D-7F85-4D53-95E2-9AAE22580DC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51639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63" Type="http://schemas.openxmlformats.org/officeDocument/2006/relationships/tags" Target="../tags/tag5.xml"/><Relationship Id="rId68" Type="http://schemas.openxmlformats.org/officeDocument/2006/relationships/tags" Target="../tags/tag10.xml"/><Relationship Id="rId7" Type="http://schemas.openxmlformats.org/officeDocument/2006/relationships/slideLayout" Target="../slideLayouts/slideLayout7.xml"/><Relationship Id="rId71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theme" Target="../theme/theme1.xml"/><Relationship Id="rId66" Type="http://schemas.openxmlformats.org/officeDocument/2006/relationships/tags" Target="../tags/tag8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slideLayout" Target="../slideLayouts/slideLayout57.xml"/><Relationship Id="rId61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tags" Target="../tags/tag2.xml"/><Relationship Id="rId65" Type="http://schemas.openxmlformats.org/officeDocument/2006/relationships/tags" Target="../tags/tag7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64" Type="http://schemas.openxmlformats.org/officeDocument/2006/relationships/tags" Target="../tags/tag6.xml"/><Relationship Id="rId69" Type="http://schemas.openxmlformats.org/officeDocument/2006/relationships/tags" Target="../tags/tag11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72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tags" Target="../tags/tag1.xml"/><Relationship Id="rId67" Type="http://schemas.openxmlformats.org/officeDocument/2006/relationships/tags" Target="../tags/tag9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62" Type="http://schemas.openxmlformats.org/officeDocument/2006/relationships/tags" Target="../tags/tag4.xml"/><Relationship Id="rId70" Type="http://schemas.openxmlformats.org/officeDocument/2006/relationships/tags" Target="../tags/tag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guide" hidden="1">
            <a:extLst>
              <a:ext uri="{FF2B5EF4-FFF2-40B4-BE49-F238E27FC236}">
                <a16:creationId xmlns:a16="http://schemas.microsoft.com/office/drawing/2014/main" id="{23E4C7C3-F50B-45FA-8E95-8724C82FA9EB}"/>
              </a:ext>
            </a:extLst>
          </p:cNvPr>
          <p:cNvGrpSpPr/>
          <p:nvPr userDrawn="1"/>
        </p:nvGrpSpPr>
        <p:grpSpPr>
          <a:xfrm>
            <a:off x="540001" y="541158"/>
            <a:ext cx="11120127" cy="5791900"/>
            <a:chOff x="540001" y="541158"/>
            <a:chExt cx="11120127" cy="5791900"/>
          </a:xfrm>
        </p:grpSpPr>
        <p:sp>
          <p:nvSpPr>
            <p:cNvPr id="16" name="S1">
              <a:extLst>
                <a:ext uri="{FF2B5EF4-FFF2-40B4-BE49-F238E27FC236}">
                  <a16:creationId xmlns:a16="http://schemas.microsoft.com/office/drawing/2014/main" id="{DCA33632-E11D-495F-ACB7-588FD3896E09}"/>
                </a:ext>
              </a:extLst>
            </p:cNvPr>
            <p:cNvSpPr/>
            <p:nvPr userDrawn="1">
              <p:custDataLst>
                <p:tags r:id="rId59"/>
              </p:custDataLst>
            </p:nvPr>
          </p:nvSpPr>
          <p:spPr>
            <a:xfrm>
              <a:off x="1219178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17" name="S2">
              <a:extLst>
                <a:ext uri="{FF2B5EF4-FFF2-40B4-BE49-F238E27FC236}">
                  <a16:creationId xmlns:a16="http://schemas.microsoft.com/office/drawing/2014/main" id="{769A9365-0891-4F09-B671-956C9D949743}"/>
                </a:ext>
              </a:extLst>
            </p:cNvPr>
            <p:cNvSpPr/>
            <p:nvPr userDrawn="1">
              <p:custDataLst>
                <p:tags r:id="rId60"/>
              </p:custDataLst>
            </p:nvPr>
          </p:nvSpPr>
          <p:spPr>
            <a:xfrm>
              <a:off x="2168355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20" name="S3">
              <a:extLst>
                <a:ext uri="{FF2B5EF4-FFF2-40B4-BE49-F238E27FC236}">
                  <a16:creationId xmlns:a16="http://schemas.microsoft.com/office/drawing/2014/main" id="{D4BB3569-F2A2-4E7C-8C39-E3425EA1D22A}"/>
                </a:ext>
              </a:extLst>
            </p:cNvPr>
            <p:cNvSpPr/>
            <p:nvPr userDrawn="1">
              <p:custDataLst>
                <p:tags r:id="rId61"/>
              </p:custDataLst>
            </p:nvPr>
          </p:nvSpPr>
          <p:spPr>
            <a:xfrm>
              <a:off x="3117532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21" name="S4">
              <a:extLst>
                <a:ext uri="{FF2B5EF4-FFF2-40B4-BE49-F238E27FC236}">
                  <a16:creationId xmlns:a16="http://schemas.microsoft.com/office/drawing/2014/main" id="{149EE671-1038-49F3-8707-3E1E63F6E948}"/>
                </a:ext>
              </a:extLst>
            </p:cNvPr>
            <p:cNvSpPr/>
            <p:nvPr userDrawn="1">
              <p:custDataLst>
                <p:tags r:id="rId62"/>
              </p:custDataLst>
            </p:nvPr>
          </p:nvSpPr>
          <p:spPr>
            <a:xfrm>
              <a:off x="4066709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23" name="S5">
              <a:extLst>
                <a:ext uri="{FF2B5EF4-FFF2-40B4-BE49-F238E27FC236}">
                  <a16:creationId xmlns:a16="http://schemas.microsoft.com/office/drawing/2014/main" id="{95979FFB-7DFF-41F5-9344-CAD421C94489}"/>
                </a:ext>
              </a:extLst>
            </p:cNvPr>
            <p:cNvSpPr/>
            <p:nvPr userDrawn="1">
              <p:custDataLst>
                <p:tags r:id="rId63"/>
              </p:custDataLst>
            </p:nvPr>
          </p:nvSpPr>
          <p:spPr>
            <a:xfrm>
              <a:off x="5015886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24" name="S6">
              <a:extLst>
                <a:ext uri="{FF2B5EF4-FFF2-40B4-BE49-F238E27FC236}">
                  <a16:creationId xmlns:a16="http://schemas.microsoft.com/office/drawing/2014/main" id="{9FDBBBC8-9F86-4DC3-A574-B3E2E701D29F}"/>
                </a:ext>
              </a:extLst>
            </p:cNvPr>
            <p:cNvSpPr/>
            <p:nvPr userDrawn="1">
              <p:custDataLst>
                <p:tags r:id="rId64"/>
              </p:custDataLst>
            </p:nvPr>
          </p:nvSpPr>
          <p:spPr>
            <a:xfrm>
              <a:off x="5965063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25" name="S7">
              <a:extLst>
                <a:ext uri="{FF2B5EF4-FFF2-40B4-BE49-F238E27FC236}">
                  <a16:creationId xmlns:a16="http://schemas.microsoft.com/office/drawing/2014/main" id="{EE0638E4-E435-4E05-AE9C-94E3091647DB}"/>
                </a:ext>
              </a:extLst>
            </p:cNvPr>
            <p:cNvSpPr/>
            <p:nvPr userDrawn="1">
              <p:custDataLst>
                <p:tags r:id="rId65"/>
              </p:custDataLst>
            </p:nvPr>
          </p:nvSpPr>
          <p:spPr>
            <a:xfrm>
              <a:off x="6914240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26" name="S8">
              <a:extLst>
                <a:ext uri="{FF2B5EF4-FFF2-40B4-BE49-F238E27FC236}">
                  <a16:creationId xmlns:a16="http://schemas.microsoft.com/office/drawing/2014/main" id="{26DDFB9A-6D99-4829-9FAD-13238916FA24}"/>
                </a:ext>
              </a:extLst>
            </p:cNvPr>
            <p:cNvSpPr/>
            <p:nvPr userDrawn="1">
              <p:custDataLst>
                <p:tags r:id="rId66"/>
              </p:custDataLst>
            </p:nvPr>
          </p:nvSpPr>
          <p:spPr>
            <a:xfrm>
              <a:off x="7863417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27" name="S9">
              <a:extLst>
                <a:ext uri="{FF2B5EF4-FFF2-40B4-BE49-F238E27FC236}">
                  <a16:creationId xmlns:a16="http://schemas.microsoft.com/office/drawing/2014/main" id="{51FDF2DF-6D85-4A45-9B7B-5E5E6DE990EF}"/>
                </a:ext>
              </a:extLst>
            </p:cNvPr>
            <p:cNvSpPr/>
            <p:nvPr userDrawn="1">
              <p:custDataLst>
                <p:tags r:id="rId67"/>
              </p:custDataLst>
            </p:nvPr>
          </p:nvSpPr>
          <p:spPr>
            <a:xfrm>
              <a:off x="8812594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28" name="S10">
              <a:extLst>
                <a:ext uri="{FF2B5EF4-FFF2-40B4-BE49-F238E27FC236}">
                  <a16:creationId xmlns:a16="http://schemas.microsoft.com/office/drawing/2014/main" id="{212398F5-2C6B-4A22-BF4F-2119D552EFD0}"/>
                </a:ext>
              </a:extLst>
            </p:cNvPr>
            <p:cNvSpPr/>
            <p:nvPr userDrawn="1">
              <p:custDataLst>
                <p:tags r:id="rId68"/>
              </p:custDataLst>
            </p:nvPr>
          </p:nvSpPr>
          <p:spPr>
            <a:xfrm>
              <a:off x="9761771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29" name="S11">
              <a:extLst>
                <a:ext uri="{FF2B5EF4-FFF2-40B4-BE49-F238E27FC236}">
                  <a16:creationId xmlns:a16="http://schemas.microsoft.com/office/drawing/2014/main" id="{396FAB94-0BDC-43AC-A1FE-25C051CA1678}"/>
                </a:ext>
              </a:extLst>
            </p:cNvPr>
            <p:cNvSpPr/>
            <p:nvPr userDrawn="1">
              <p:custDataLst>
                <p:tags r:id="rId69"/>
              </p:custDataLst>
            </p:nvPr>
          </p:nvSpPr>
          <p:spPr>
            <a:xfrm>
              <a:off x="10710948" y="541158"/>
              <a:ext cx="270000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30" name="S1">
              <a:extLst>
                <a:ext uri="{FF2B5EF4-FFF2-40B4-BE49-F238E27FC236}">
                  <a16:creationId xmlns:a16="http://schemas.microsoft.com/office/drawing/2014/main" id="{6311542D-164B-42C5-A91D-0FD19E6A9770}"/>
                </a:ext>
              </a:extLst>
            </p:cNvPr>
            <p:cNvSpPr/>
            <p:nvPr userDrawn="1">
              <p:custDataLst>
                <p:tags r:id="rId70"/>
              </p:custDataLst>
            </p:nvPr>
          </p:nvSpPr>
          <p:spPr>
            <a:xfrm>
              <a:off x="540001" y="541158"/>
              <a:ext cx="11120127" cy="5791900"/>
            </a:xfrm>
            <a:prstGeom prst="rect">
              <a:avLst/>
            </a:prstGeom>
            <a:noFill/>
            <a:ln w="3175">
              <a:solidFill>
                <a:srgbClr val="FF006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a-DK" sz="500" dirty="0">
                  <a:ln w="3175">
                    <a:noFill/>
                  </a:ln>
                  <a:solidFill>
                    <a:schemeClr val="bg1"/>
                  </a:solidFill>
                </a:rPr>
                <a:t>1</a:t>
              </a:r>
            </a:p>
          </p:txBody>
        </p:sp>
      </p:grpSp>
      <p:pic>
        <p:nvPicPr>
          <p:cNvPr id="22" name="Logo">
            <a:extLst>
              <a:ext uri="{FF2B5EF4-FFF2-40B4-BE49-F238E27FC236}">
                <a16:creationId xmlns:a16="http://schemas.microsoft.com/office/drawing/2014/main" id="{6806362D-438E-4172-AB64-EE0D7F23075E}"/>
              </a:ext>
            </a:extLst>
          </p:cNvPr>
          <p:cNvPicPr>
            <a:picLocks noChangeAspect="1"/>
          </p:cNvPicPr>
          <p:nvPr userDrawn="1"/>
        </p:nvPicPr>
        <p:blipFill>
          <a:blip r:embed="rId7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2"/>
              </a:ext>
            </a:extLst>
          </a:blip>
          <a:stretch>
            <a:fillRect/>
          </a:stretch>
        </p:blipFill>
        <p:spPr>
          <a:xfrm>
            <a:off x="544615" y="6319177"/>
            <a:ext cx="687577" cy="262800"/>
          </a:xfrm>
          <a:prstGeom prst="rect">
            <a:avLst/>
          </a:prstGeom>
        </p:spPr>
      </p:pic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11113200" cy="806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endParaRPr lang="da-DK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612800"/>
            <a:ext cx="11113200" cy="41724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Niveau 1 (Enter+TAB for næste tekst niveau, SHIFT+TAB for at gå tilbage i niveauer)</a:t>
            </a:r>
          </a:p>
          <a:p>
            <a:pPr lvl="1"/>
            <a:r>
              <a:rPr lang="da-DK" noProof="0" dirty="0"/>
              <a:t>Niveau 2</a:t>
            </a:r>
          </a:p>
          <a:p>
            <a:pPr lvl="2"/>
            <a:r>
              <a:rPr lang="da-DK" noProof="0" dirty="0"/>
              <a:t>Niveau 3</a:t>
            </a:r>
          </a:p>
          <a:p>
            <a:pPr lvl="3"/>
            <a:r>
              <a:rPr lang="da-DK" noProof="0" dirty="0"/>
              <a:t>Niveau 4, Overskrift</a:t>
            </a:r>
          </a:p>
          <a:p>
            <a:pPr lvl="4"/>
            <a:r>
              <a:rPr lang="da-DK" noProof="0" dirty="0"/>
              <a:t>Niveau 5, Brødtekst</a:t>
            </a:r>
          </a:p>
          <a:p>
            <a:pPr lvl="5"/>
            <a:r>
              <a:rPr lang="da-DK" noProof="0" dirty="0"/>
              <a:t>Niveau 6</a:t>
            </a:r>
          </a:p>
          <a:p>
            <a:pPr lvl="6"/>
            <a:r>
              <a:rPr lang="da-DK" noProof="0" dirty="0"/>
              <a:t>Niveau 7, lille overskrift</a:t>
            </a:r>
          </a:p>
          <a:p>
            <a:pPr lvl="7"/>
            <a:r>
              <a:rPr lang="da-DK" noProof="0" dirty="0"/>
              <a:t>Niveau 8, lille brødtekst</a:t>
            </a:r>
          </a:p>
          <a:p>
            <a:pPr lvl="8"/>
            <a:r>
              <a:rPr lang="da-DK" noProof="0" dirty="0"/>
              <a:t>Niveau 9, Infografik</a:t>
            </a: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1" r:id="rId1"/>
    <p:sldLayoutId id="2147483782" r:id="rId2"/>
    <p:sldLayoutId id="2147483783" r:id="rId3"/>
    <p:sldLayoutId id="2147483780" r:id="rId4"/>
    <p:sldLayoutId id="2147483737" r:id="rId5"/>
    <p:sldLayoutId id="2147483785" r:id="rId6"/>
    <p:sldLayoutId id="2147483786" r:id="rId7"/>
    <p:sldLayoutId id="2147483787" r:id="rId8"/>
    <p:sldLayoutId id="2147483788" r:id="rId9"/>
    <p:sldLayoutId id="2147483789" r:id="rId10"/>
    <p:sldLayoutId id="2147483790" r:id="rId11"/>
    <p:sldLayoutId id="2147483791" r:id="rId12"/>
    <p:sldLayoutId id="2147483731" r:id="rId13"/>
    <p:sldLayoutId id="2147483792" r:id="rId14"/>
    <p:sldLayoutId id="2147483793" r:id="rId15"/>
    <p:sldLayoutId id="2147483794" r:id="rId16"/>
    <p:sldLayoutId id="2147483732" r:id="rId17"/>
    <p:sldLayoutId id="2147483795" r:id="rId18"/>
    <p:sldLayoutId id="2147483796" r:id="rId19"/>
    <p:sldLayoutId id="2147483797" r:id="rId20"/>
    <p:sldLayoutId id="2147483798" r:id="rId21"/>
    <p:sldLayoutId id="2147483804" r:id="rId22"/>
    <p:sldLayoutId id="2147483821" r:id="rId23"/>
    <p:sldLayoutId id="2147483822" r:id="rId24"/>
    <p:sldLayoutId id="2147483823" r:id="rId25"/>
    <p:sldLayoutId id="2147483824" r:id="rId26"/>
    <p:sldLayoutId id="2147483825" r:id="rId27"/>
    <p:sldLayoutId id="2147483826" r:id="rId28"/>
    <p:sldLayoutId id="2147483755" r:id="rId29"/>
    <p:sldLayoutId id="2147483799" r:id="rId30"/>
    <p:sldLayoutId id="2147483776" r:id="rId31"/>
    <p:sldLayoutId id="2147483743" r:id="rId32"/>
    <p:sldLayoutId id="2147483744" r:id="rId33"/>
    <p:sldLayoutId id="2147483766" r:id="rId34"/>
    <p:sldLayoutId id="2147483767" r:id="rId35"/>
    <p:sldLayoutId id="2147483800" r:id="rId36"/>
    <p:sldLayoutId id="2147483801" r:id="rId37"/>
    <p:sldLayoutId id="2147483802" r:id="rId38"/>
    <p:sldLayoutId id="2147483803" r:id="rId39"/>
    <p:sldLayoutId id="2147483739" r:id="rId40"/>
    <p:sldLayoutId id="2147483805" r:id="rId41"/>
    <p:sldLayoutId id="2147483768" r:id="rId42"/>
    <p:sldLayoutId id="2147483820" r:id="rId43"/>
    <p:sldLayoutId id="2147483807" r:id="rId44"/>
    <p:sldLayoutId id="2147483808" r:id="rId45"/>
    <p:sldLayoutId id="2147483809" r:id="rId46"/>
    <p:sldLayoutId id="2147483810" r:id="rId47"/>
    <p:sldLayoutId id="2147483811" r:id="rId48"/>
    <p:sldLayoutId id="2147483812" r:id="rId49"/>
    <p:sldLayoutId id="2147483813" r:id="rId50"/>
    <p:sldLayoutId id="2147483814" r:id="rId51"/>
    <p:sldLayoutId id="2147483815" r:id="rId52"/>
    <p:sldLayoutId id="2147483816" r:id="rId53"/>
    <p:sldLayoutId id="2147483818" r:id="rId54"/>
    <p:sldLayoutId id="2147483819" r:id="rId55"/>
    <p:sldLayoutId id="2147483771" r:id="rId56"/>
    <p:sldLayoutId id="2147483753" r:id="rId57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b="1" kern="1200">
          <a:solidFill>
            <a:srgbClr val="26355D"/>
          </a:solidFill>
          <a:latin typeface="+mj-lt"/>
          <a:ea typeface="+mj-ea"/>
          <a:cs typeface="+mj-cs"/>
        </a:defRPr>
      </a:lvl1pPr>
    </p:titleStyle>
    <p:bodyStyle>
      <a:lvl1pPr marL="270000" indent="-270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rgbClr val="26355D"/>
          </a:solidFill>
          <a:latin typeface="+mn-lt"/>
          <a:ea typeface="+mn-ea"/>
          <a:cs typeface="+mn-cs"/>
        </a:defRPr>
      </a:lvl1pPr>
      <a:lvl2pPr marL="540000" indent="-270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rgbClr val="26355D"/>
          </a:solidFill>
          <a:latin typeface="+mn-lt"/>
          <a:ea typeface="+mn-ea"/>
          <a:cs typeface="+mn-cs"/>
        </a:defRPr>
      </a:lvl2pPr>
      <a:lvl3pPr marL="810000" indent="-270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rgbClr val="26355D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 cap="all" baseline="0">
          <a:solidFill>
            <a:srgbClr val="26355D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tabLst/>
        <a:defRPr sz="1600" kern="1200">
          <a:solidFill>
            <a:srgbClr val="26355D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rgbClr val="26355D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000" b="1" kern="1200" cap="all" baseline="0">
          <a:solidFill>
            <a:srgbClr val="26355D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000" kern="1200">
          <a:solidFill>
            <a:srgbClr val="26355D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87000"/>
        </a:lnSpc>
        <a:spcBef>
          <a:spcPts val="1800"/>
        </a:spcBef>
        <a:spcAft>
          <a:spcPts val="0"/>
        </a:spcAft>
        <a:buFont typeface="Arial" panose="020B0604020202020204" pitchFamily="34" charset="0"/>
        <a:buChar char="​"/>
        <a:defRPr sz="6000" b="1" kern="1200" baseline="0">
          <a:solidFill>
            <a:srgbClr val="26355D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848" userDrawn="1">
          <p15:clr>
            <a:srgbClr val="F26B43"/>
          </p15:clr>
        </p15:guide>
        <p15:guide id="5" orient="horz" pos="1015" userDrawn="1">
          <p15:clr>
            <a:srgbClr val="F26B43"/>
          </p15:clr>
        </p15:guide>
        <p15:guide id="6" orient="horz" pos="3644" userDrawn="1">
          <p15:clr>
            <a:srgbClr val="F26B43"/>
          </p15:clr>
        </p15:guide>
        <p15:guide id="8" pos="3757" userDrawn="1">
          <p15:clr>
            <a:srgbClr val="A4A3A4"/>
          </p15:clr>
        </p15:guide>
        <p15:guide id="10" orient="horz" pos="4149" userDrawn="1">
          <p15:clr>
            <a:srgbClr val="A4A3A4"/>
          </p15:clr>
        </p15:guide>
        <p15:guide id="11" pos="767" userDrawn="1">
          <p15:clr>
            <a:srgbClr val="A4A3A4"/>
          </p15:clr>
        </p15:guide>
        <p15:guide id="12" pos="938" userDrawn="1">
          <p15:clr>
            <a:srgbClr val="A4A3A4"/>
          </p15:clr>
        </p15:guide>
        <p15:guide id="14" pos="1365" userDrawn="1">
          <p15:clr>
            <a:srgbClr val="A4A3A4"/>
          </p15:clr>
        </p15:guide>
        <p15:guide id="15" pos="1535" userDrawn="1">
          <p15:clr>
            <a:srgbClr val="A4A3A4"/>
          </p15:clr>
        </p15:guide>
        <p15:guide id="16" pos="1958" userDrawn="1">
          <p15:clr>
            <a:srgbClr val="A4A3A4"/>
          </p15:clr>
        </p15:guide>
        <p15:guide id="17" pos="2133" userDrawn="1">
          <p15:clr>
            <a:srgbClr val="A4A3A4"/>
          </p15:clr>
        </p15:guide>
        <p15:guide id="18" pos="2561" userDrawn="1">
          <p15:clr>
            <a:srgbClr val="A4A3A4"/>
          </p15:clr>
        </p15:guide>
        <p15:guide id="19" pos="2731" userDrawn="1">
          <p15:clr>
            <a:srgbClr val="A4A3A4"/>
          </p15:clr>
        </p15:guide>
        <p15:guide id="20" pos="3159" userDrawn="1">
          <p15:clr>
            <a:srgbClr val="A4A3A4"/>
          </p15:clr>
        </p15:guide>
        <p15:guide id="21" pos="3329" userDrawn="1">
          <p15:clr>
            <a:srgbClr val="A4A3A4"/>
          </p15:clr>
        </p15:guide>
        <p15:guide id="22" pos="3927" userDrawn="1">
          <p15:clr>
            <a:srgbClr val="A4A3A4"/>
          </p15:clr>
        </p15:guide>
        <p15:guide id="23" pos="4355" userDrawn="1">
          <p15:clr>
            <a:srgbClr val="A4A3A4"/>
          </p15:clr>
        </p15:guide>
        <p15:guide id="24" pos="4525" userDrawn="1">
          <p15:clr>
            <a:srgbClr val="A4A3A4"/>
          </p15:clr>
        </p15:guide>
        <p15:guide id="25" pos="4953" userDrawn="1">
          <p15:clr>
            <a:srgbClr val="A4A3A4"/>
          </p15:clr>
        </p15:guide>
        <p15:guide id="26" pos="5123" userDrawn="1">
          <p15:clr>
            <a:srgbClr val="A4A3A4"/>
          </p15:clr>
        </p15:guide>
        <p15:guide id="27" pos="5551" userDrawn="1">
          <p15:clr>
            <a:srgbClr val="A4A3A4"/>
          </p15:clr>
        </p15:guide>
        <p15:guide id="28" pos="5721" userDrawn="1">
          <p15:clr>
            <a:srgbClr val="A4A3A4"/>
          </p15:clr>
        </p15:guide>
        <p15:guide id="29" pos="6149" userDrawn="1">
          <p15:clr>
            <a:srgbClr val="A4A3A4"/>
          </p15:clr>
        </p15:guide>
        <p15:guide id="30" pos="6319" userDrawn="1">
          <p15:clr>
            <a:srgbClr val="A4A3A4"/>
          </p15:clr>
        </p15:guide>
        <p15:guide id="31" pos="6747" userDrawn="1">
          <p15:clr>
            <a:srgbClr val="A4A3A4"/>
          </p15:clr>
        </p15:guide>
        <p15:guide id="32" pos="6917" userDrawn="1">
          <p15:clr>
            <a:srgbClr val="A4A3A4"/>
          </p15:clr>
        </p15:guide>
        <p15:guide id="33" pos="734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3.xml"/><Relationship Id="rId4" Type="http://schemas.openxmlformats.org/officeDocument/2006/relationships/image" Target="../media/image20.jp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g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C60AAB2-5C34-4DC3-8A1C-52EBCEBD0C7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437200" y="3736800"/>
            <a:ext cx="8542800" cy="1778400"/>
          </a:xfrm>
        </p:spPr>
        <p:txBody>
          <a:bodyPr anchor="t">
            <a:normAutofit/>
          </a:bodyPr>
          <a:lstStyle/>
          <a:p>
            <a:r>
              <a:rPr lang="da-DK" dirty="0"/>
              <a:t>Ny vejledning om </a:t>
            </a:r>
            <a:br>
              <a:rPr lang="da-DK" dirty="0"/>
            </a:br>
            <a:r>
              <a:rPr lang="da-DK" dirty="0"/>
              <a:t>Konkurrenceret i F&amp;P</a:t>
            </a:r>
          </a:p>
        </p:txBody>
      </p:sp>
      <p:sp>
        <p:nvSpPr>
          <p:cNvPr id="2" name="Undertitel 1">
            <a:extLst>
              <a:ext uri="{FF2B5EF4-FFF2-40B4-BE49-F238E27FC236}">
                <a16:creationId xmlns:a16="http://schemas.microsoft.com/office/drawing/2014/main" id="{B851FC65-62F7-D23D-17CC-503961B460E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2436813" y="5515200"/>
            <a:ext cx="8524800" cy="396000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da-DK" dirty="0"/>
              <a:t>Underdirektør Torben Weiss Garne, EU &amp; Finansiel Regulering </a:t>
            </a:r>
          </a:p>
        </p:txBody>
      </p:sp>
      <p:pic>
        <p:nvPicPr>
          <p:cNvPr id="10" name="Pladsholder til billede 9">
            <a:extLst>
              <a:ext uri="{FF2B5EF4-FFF2-40B4-BE49-F238E27FC236}">
                <a16:creationId xmlns:a16="http://schemas.microsoft.com/office/drawing/2014/main" id="{BF75732B-5E74-EFB6-2F5B-08C6D18167F7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850" b="23850"/>
          <a:stretch/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313168799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295A4067-EA70-812C-89D1-FAAD3185987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pPr algn="l"/>
            <a:r>
              <a:rPr lang="da-DK" altLang="da-DK" sz="3200" i="1"/>
              <a:t>”</a:t>
            </a:r>
            <a:r>
              <a:rPr lang="da-DK" sz="3200" i="1"/>
              <a:t>Det er forbudt for en eller flere virksomheder m.v. at misbruge en dominerende stilling”</a:t>
            </a: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9513BC6-B846-E463-5C83-F53AE2482C3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7037430" y="2948400"/>
            <a:ext cx="4852800" cy="2566800"/>
          </a:xfrm>
        </p:spPr>
        <p:txBody>
          <a:bodyPr/>
          <a:lstStyle/>
          <a:p>
            <a:r>
              <a:rPr lang="da-DK" altLang="da-DK" sz="3200" i="1"/>
              <a:t>”Det er forbudt for virksomheder m.v. at indgå aftaler, der direkte eller indirekte har til formål eller følge at begrænse konkurrencen” 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4277944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DAFA54A2-2C7F-F956-7B75-F6222F49858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>
            <a:fillRect/>
          </a:stretch>
        </p:blipFill>
        <p:spPr>
          <a:xfrm>
            <a:off x="20" y="10"/>
            <a:ext cx="12191980" cy="685799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7939081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B2F26E71-7F98-486E-E20C-92BEDA7A11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7322888" cy="806400"/>
          </a:xfrm>
        </p:spPr>
        <p:txBody>
          <a:bodyPr anchor="t">
            <a:normAutofit/>
          </a:bodyPr>
          <a:lstStyle/>
          <a:p>
            <a:r>
              <a:rPr lang="da-DK" dirty="0"/>
              <a:t>Møderegler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45C42E78-E413-6912-D2F4-3E092D94B74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9999" y="1612800"/>
            <a:ext cx="6643439" cy="4172400"/>
          </a:xfrm>
        </p:spPr>
        <p:txBody>
          <a:bodyPr>
            <a:normAutofit/>
          </a:bodyPr>
          <a:lstStyle/>
          <a:p>
            <a:pPr marL="0" indent="0">
              <a:lnSpc>
                <a:spcPct val="90000"/>
              </a:lnSpc>
              <a:buNone/>
            </a:pPr>
            <a:r>
              <a:rPr lang="da-DK" b="1" dirty="0"/>
              <a:t>Mødet:</a:t>
            </a:r>
          </a:p>
          <a:p>
            <a:pPr>
              <a:lnSpc>
                <a:spcPct val="90000"/>
              </a:lnSpc>
            </a:pPr>
            <a:r>
              <a:rPr lang="da-DK" dirty="0"/>
              <a:t>Udførlig dagsorden til alle møder (og punkt 0)</a:t>
            </a:r>
          </a:p>
          <a:p>
            <a:pPr>
              <a:lnSpc>
                <a:spcPct val="90000"/>
              </a:lnSpc>
            </a:pPr>
            <a:r>
              <a:rPr lang="da-DK" dirty="0"/>
              <a:t>Opmærksomhed på indholdet i det materiale, der deles frem mod mødet</a:t>
            </a:r>
          </a:p>
          <a:p>
            <a:pPr marL="0" indent="0">
              <a:lnSpc>
                <a:spcPct val="90000"/>
              </a:lnSpc>
              <a:buNone/>
            </a:pPr>
            <a:br>
              <a:rPr lang="da-DK" dirty="0"/>
            </a:br>
            <a:r>
              <a:rPr lang="da-DK" b="1" dirty="0"/>
              <a:t>Under mødet:</a:t>
            </a:r>
          </a:p>
          <a:p>
            <a:pPr>
              <a:lnSpc>
                <a:spcPct val="90000"/>
              </a:lnSpc>
            </a:pPr>
            <a:r>
              <a:rPr lang="da-DK" dirty="0"/>
              <a:t>Sikre at dagsorden følges</a:t>
            </a:r>
          </a:p>
          <a:p>
            <a:pPr>
              <a:lnSpc>
                <a:spcPct val="90000"/>
              </a:lnSpc>
            </a:pPr>
            <a:r>
              <a:rPr lang="da-DK" dirty="0"/>
              <a:t>Alle deltagere har en pligt til at standse samtalen på mødet ved konkurrencefølsomme emner </a:t>
            </a:r>
          </a:p>
          <a:p>
            <a:pPr>
              <a:lnSpc>
                <a:spcPct val="90000"/>
              </a:lnSpc>
            </a:pPr>
            <a:r>
              <a:rPr lang="da-DK" dirty="0"/>
              <a:t>Ikke udveksle konkurrencefølsomme oplysninger i pauserne mv.</a:t>
            </a:r>
          </a:p>
          <a:p>
            <a:pPr marL="0" indent="0">
              <a:lnSpc>
                <a:spcPct val="90000"/>
              </a:lnSpc>
              <a:buNone/>
            </a:pPr>
            <a:endParaRPr lang="da-DK" dirty="0"/>
          </a:p>
          <a:p>
            <a:pPr marL="0" indent="0">
              <a:lnSpc>
                <a:spcPct val="90000"/>
              </a:lnSpc>
              <a:buNone/>
            </a:pPr>
            <a:r>
              <a:rPr lang="da-DK" b="1" dirty="0"/>
              <a:t>Efter mødet:</a:t>
            </a:r>
          </a:p>
          <a:p>
            <a:pPr>
              <a:lnSpc>
                <a:spcPct val="90000"/>
              </a:lnSpc>
            </a:pPr>
            <a:r>
              <a:rPr lang="da-DK" dirty="0"/>
              <a:t>Udførligt referat - gennemsigtighed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5DFD4EF9-E801-9205-1F61-19FFC02D7039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42400" y="6332538"/>
            <a:ext cx="5418000" cy="273462"/>
          </a:xfrm>
        </p:spPr>
        <p:txBody>
          <a:bodyPr/>
          <a:lstStyle/>
          <a:p>
            <a:endParaRPr lang="en-US"/>
          </a:p>
        </p:txBody>
      </p:sp>
      <p:pic>
        <p:nvPicPr>
          <p:cNvPr id="10" name="Pladsholder til billede 9" descr="Forretningskvinde gennemgår noter på en væg">
            <a:extLst>
              <a:ext uri="{FF2B5EF4-FFF2-40B4-BE49-F238E27FC236}">
                <a16:creationId xmlns:a16="http://schemas.microsoft.com/office/drawing/2014/main" id="{5EA2E951-1AED-714B-4DC9-54D71DCCB920}"/>
              </a:ext>
            </a:extLst>
          </p:cNvPr>
          <p:cNvPicPr>
            <a:picLocks noGrp="1" noChangeAspect="1"/>
          </p:cNvPicPr>
          <p:nvPr>
            <p:ph type="pic" sz="quarter" idx="2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65" r="27477" b="-2"/>
          <a:stretch/>
        </p:blipFill>
        <p:spPr>
          <a:xfrm>
            <a:off x="7608092" y="10"/>
            <a:ext cx="4583909" cy="6857990"/>
          </a:xfrm>
          <a:noFill/>
        </p:spPr>
      </p:pic>
    </p:spTree>
    <p:extLst>
      <p:ext uri="{BB962C8B-B14F-4D97-AF65-F5344CB8AC3E}">
        <p14:creationId xmlns:p14="http://schemas.microsoft.com/office/powerpoint/2010/main" val="27938542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F43A63B-166A-D59C-2DE4-A1A222DD62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1CBD9519-6832-E36C-E7AA-55A44AC1158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39750" y="3412757"/>
            <a:ext cx="6643688" cy="572235"/>
          </a:xfrm>
          <a:prstGeom prst="rect">
            <a:avLst/>
          </a:prstGeom>
        </p:spPr>
      </p:pic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BDDEF5D0-D815-C005-FC6C-9989D0F1C9E0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billede 4">
            <a:extLst>
              <a:ext uri="{FF2B5EF4-FFF2-40B4-BE49-F238E27FC236}">
                <a16:creationId xmlns:a16="http://schemas.microsoft.com/office/drawing/2014/main" id="{08C6BC35-9F76-85EA-2D66-CFB18FF0F527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D019BE6C-2FEE-23DC-E645-D1BC5325AD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344400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54494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ladsholder til indhold 2" descr="Nærbillede af spørgsmålstegn på et trægulv mod en væg">
            <a:extLst>
              <a:ext uri="{FF2B5EF4-FFF2-40B4-BE49-F238E27FC236}">
                <a16:creationId xmlns:a16="http://schemas.microsoft.com/office/drawing/2014/main" id="{3B56C9A3-9DC8-EE83-AF1C-2982BC8CE9B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444"/>
          <a:stretch/>
        </p:blipFill>
        <p:spPr>
          <a:xfrm>
            <a:off x="20" y="10"/>
            <a:ext cx="12191980" cy="6857990"/>
          </a:xfrm>
          <a:noFill/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FEFFE2F9-8A85-2693-115B-B2C719358FA6}"/>
              </a:ext>
            </a:extLst>
          </p:cNvPr>
          <p:cNvSpPr txBox="1"/>
          <p:nvPr/>
        </p:nvSpPr>
        <p:spPr>
          <a:xfrm>
            <a:off x="5974080" y="2164080"/>
            <a:ext cx="5120640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3600" b="1" dirty="0">
                <a:solidFill>
                  <a:schemeClr val="bg1"/>
                </a:solidFill>
              </a:rPr>
              <a:t>Du kan altid spørg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279722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07141228163502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286177493309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Forsikring og Pension">
  <a:themeElements>
    <a:clrScheme name="Forsikring og Pension 2021">
      <a:dk1>
        <a:srgbClr val="000000"/>
      </a:dk1>
      <a:lt1>
        <a:srgbClr val="FFFFFF"/>
      </a:lt1>
      <a:dk2>
        <a:srgbClr val="26355D"/>
      </a:dk2>
      <a:lt2>
        <a:srgbClr val="E6E6F5"/>
      </a:lt2>
      <a:accent1>
        <a:srgbClr val="26355D"/>
      </a:accent1>
      <a:accent2>
        <a:srgbClr val="8288A6"/>
      </a:accent2>
      <a:accent3>
        <a:srgbClr val="BCE4F8"/>
      </a:accent3>
      <a:accent4>
        <a:srgbClr val="F5B4B4"/>
      </a:accent4>
      <a:accent5>
        <a:srgbClr val="FFE696"/>
      </a:accent5>
      <a:accent6>
        <a:srgbClr val="AAD2AF"/>
      </a:accent6>
      <a:hlink>
        <a:srgbClr val="F5B4B4"/>
      </a:hlink>
      <a:folHlink>
        <a:srgbClr val="AAD2AF"/>
      </a:folHlink>
    </a:clrScheme>
    <a:fontScheme name="Forsikring og Pension 2021">
      <a:majorFont>
        <a:latin typeface="Quincy CF F&amp;P Office"/>
        <a:ea typeface=""/>
        <a:cs typeface=""/>
      </a:majorFont>
      <a:minorFont>
        <a:latin typeface="Quincy CF F&amp;P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16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600" dirty="0" err="1" smtClean="0">
            <a:solidFill>
              <a:schemeClr val="tx2"/>
            </a:solidFill>
          </a:defRPr>
        </a:defPPr>
      </a:lstStyle>
    </a:txDef>
  </a:objectDefaults>
  <a:extraClrSchemeLst/>
  <a:custClrLst>
    <a:custClr name="Lilla">
      <a:srgbClr val="26355D"/>
    </a:custClr>
    <a:custClr name="Blå">
      <a:srgbClr val="BCE4F8"/>
    </a:custClr>
    <a:custClr name="Rød">
      <a:srgbClr val="F5B4B4"/>
    </a:custClr>
    <a:custClr name="Gul">
      <a:srgbClr val="FFE696"/>
    </a:custClr>
    <a:custClr name="Grøn">
      <a:srgbClr val="AAD2A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Lilla">
      <a:srgbClr val="8288A6"/>
    </a:custClr>
    <a:custClr name="Lys blå">
      <a:srgbClr val="DEF2FC"/>
    </a:custClr>
    <a:custClr name="Lys rød">
      <a:srgbClr val="FADCDC"/>
    </a:custClr>
    <a:custClr name="Lys gul">
      <a:srgbClr val="FFF0C8"/>
    </a:custClr>
    <a:custClr name="Lys grøn">
      <a:srgbClr val="D7EBD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lla">
      <a:srgbClr val="E6E6F5"/>
    </a:custClr>
    <a:custClr name="Lys blå 50% tint">
      <a:srgbClr val="EEF8FD"/>
    </a:custClr>
    <a:custClr name="Lys rød 50% tint">
      <a:srgbClr val="FCEDED"/>
    </a:custClr>
    <a:custClr name="Lys gul 50% tint">
      <a:srgbClr val="FFF8E3"/>
    </a:custClr>
    <a:custClr name="Lys grøn 50% tint">
      <a:srgbClr val="EBF5E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aseTemplate 16-9 DK.potx" id="{67264819-250F-4F15-9F09-BA4E76731EE3}" vid="{956EC44F-5FF5-4945-9BDD-E17EE3AEB9E2}"/>
    </a:ext>
  </a:extLst>
</a:theme>
</file>

<file path=ppt/theme/theme2.xml><?xml version="1.0" encoding="utf-8"?>
<a:theme xmlns:a="http://schemas.openxmlformats.org/drawingml/2006/main" name="Office-tema">
  <a:themeElements>
    <a:clrScheme name="Forsikring og Pension 2021">
      <a:dk1>
        <a:sysClr val="windowText" lastClr="000000"/>
      </a:dk1>
      <a:lt1>
        <a:srgbClr val="FFFFFF"/>
      </a:lt1>
      <a:dk2>
        <a:srgbClr val="26355D"/>
      </a:dk2>
      <a:lt2>
        <a:srgbClr val="E6E6F5"/>
      </a:lt2>
      <a:accent1>
        <a:srgbClr val="26355D"/>
      </a:accent1>
      <a:accent2>
        <a:srgbClr val="8288A6"/>
      </a:accent2>
      <a:accent3>
        <a:srgbClr val="BCE4F8"/>
      </a:accent3>
      <a:accent4>
        <a:srgbClr val="F5B4B4"/>
      </a:accent4>
      <a:accent5>
        <a:srgbClr val="FFE696"/>
      </a:accent5>
      <a:accent6>
        <a:srgbClr val="AAD2AF"/>
      </a:accent6>
      <a:hlink>
        <a:srgbClr val="F5B4B4"/>
      </a:hlink>
      <a:folHlink>
        <a:srgbClr val="AAD2AF"/>
      </a:folHlink>
    </a:clrScheme>
    <a:fontScheme name="Forsikring og Pension 2021">
      <a:majorFont>
        <a:latin typeface="Quincy CF F&amp;P Office"/>
        <a:ea typeface=""/>
        <a:cs typeface=""/>
      </a:majorFont>
      <a:minorFont>
        <a:latin typeface="Quincy CF F&amp;P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Lilla">
      <a:srgbClr val="26355D"/>
    </a:custClr>
    <a:custClr name="Blå">
      <a:srgbClr val="BCE4F8"/>
    </a:custClr>
    <a:custClr name="Rød">
      <a:srgbClr val="F5B4B4"/>
    </a:custClr>
    <a:custClr name="Gul">
      <a:srgbClr val="FFE696"/>
    </a:custClr>
    <a:custClr name="Grøn">
      <a:srgbClr val="AAD2A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Lilla">
      <a:srgbClr val="8288A6"/>
    </a:custClr>
    <a:custClr name="Lys blå">
      <a:srgbClr val="DEF2FC"/>
    </a:custClr>
    <a:custClr name="Lys rød">
      <a:srgbClr val="FADCDC"/>
    </a:custClr>
    <a:custClr name="Lys gul">
      <a:srgbClr val="FFF0C8"/>
    </a:custClr>
    <a:custClr name="Lys grøn">
      <a:srgbClr val="D7EBD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lla">
      <a:srgbClr val="E6E6F5"/>
    </a:custClr>
    <a:custClr name="Lys blå 50% tint">
      <a:srgbClr val="EEF8FD"/>
    </a:custClr>
    <a:custClr name="Lys rød 50% tint">
      <a:srgbClr val="FCEDED"/>
    </a:custClr>
    <a:custClr name="Lys gul 50% tint">
      <a:srgbClr val="FFF8E3"/>
    </a:custClr>
    <a:custClr name="Lys grøn 50% tint">
      <a:srgbClr val="EBF5E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Forsikring og Pension 2021">
      <a:dk1>
        <a:sysClr val="windowText" lastClr="000000"/>
      </a:dk1>
      <a:lt1>
        <a:srgbClr val="FFFFFF"/>
      </a:lt1>
      <a:dk2>
        <a:srgbClr val="26355D"/>
      </a:dk2>
      <a:lt2>
        <a:srgbClr val="E6E6F5"/>
      </a:lt2>
      <a:accent1>
        <a:srgbClr val="26355D"/>
      </a:accent1>
      <a:accent2>
        <a:srgbClr val="8288A6"/>
      </a:accent2>
      <a:accent3>
        <a:srgbClr val="BCE4F8"/>
      </a:accent3>
      <a:accent4>
        <a:srgbClr val="F5B4B4"/>
      </a:accent4>
      <a:accent5>
        <a:srgbClr val="FFE696"/>
      </a:accent5>
      <a:accent6>
        <a:srgbClr val="AAD2AF"/>
      </a:accent6>
      <a:hlink>
        <a:srgbClr val="F5B4B4"/>
      </a:hlink>
      <a:folHlink>
        <a:srgbClr val="AAD2AF"/>
      </a:folHlink>
    </a:clrScheme>
    <a:fontScheme name="Forsikring og Pension 2021">
      <a:majorFont>
        <a:latin typeface="Quincy CF F&amp;P Office"/>
        <a:ea typeface=""/>
        <a:cs typeface=""/>
      </a:majorFont>
      <a:minorFont>
        <a:latin typeface="Quincy CF F&amp;P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Lilla">
      <a:srgbClr val="26355D"/>
    </a:custClr>
    <a:custClr name="Blå">
      <a:srgbClr val="BCE4F8"/>
    </a:custClr>
    <a:custClr name="Rød">
      <a:srgbClr val="F5B4B4"/>
    </a:custClr>
    <a:custClr name="Gul">
      <a:srgbClr val="FFE696"/>
    </a:custClr>
    <a:custClr name="Grøn">
      <a:srgbClr val="AAD2A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Lilla">
      <a:srgbClr val="8288A6"/>
    </a:custClr>
    <a:custClr name="Lys blå">
      <a:srgbClr val="DEF2FC"/>
    </a:custClr>
    <a:custClr name="Lys rød">
      <a:srgbClr val="FADCDC"/>
    </a:custClr>
    <a:custClr name="Lys gul">
      <a:srgbClr val="FFF0C8"/>
    </a:custClr>
    <a:custClr name="Lys grøn">
      <a:srgbClr val="D7EBD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lla">
      <a:srgbClr val="E6E6F5"/>
    </a:custClr>
    <a:custClr name="Lys blå 50% tint">
      <a:srgbClr val="EEF8FD"/>
    </a:custClr>
    <a:custClr name="Lys rød 50% tint">
      <a:srgbClr val="FCEDED"/>
    </a:custClr>
    <a:custClr name="Lys gul 50% tint">
      <a:srgbClr val="FFF8E3"/>
    </a:custClr>
    <a:custClr name="Lys grøn 50% tint">
      <a:srgbClr val="EBF5E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?mso-contentType ?>
<customXsn xmlns="http://schemas.microsoft.com/office/2006/metadata/customXsn">
  <xsnLocation>http://devisabella/cases/GES/Dokumenter/GES_GetOrganizeddokument.xsn</xsnLocation>
  <cached>False</cached>
  <openByDefault>False</openByDefault>
  <xsnScope>http://devisabella/cases/GES/Definition/Dokumenter</xsnScope>
</customXsn>
</file>

<file path=customXml/item10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7352323191115078","enableDocumentContentUpdater":true,"version":"1.1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elementsMetadata":[],"documentContentValidatorConfiguration":{"enableDocumentContentValidator":false,"documentContentValidatorVersion":0},"slideId":"637037983905221557","enableDocumentContentUpdater":true,"version":"1.9"}]]></TemplafySlideTemplate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352323191115078","enableDocumentContentUpdater":true,"version":"1.1"}]]></TemplafySlideTemplateConfiguration>
</file>

<file path=customXml/item5.xml><?xml version="1.0" encoding="utf-8"?>
<ct:contentTypeSchema xmlns:ct="http://schemas.microsoft.com/office/2006/metadata/contentType" xmlns:ma="http://schemas.microsoft.com/office/2006/metadata/properties/metaAttributes" ct:_="" ma:_="" ma:contentTypeName="GetOrganized dokument" ma:contentTypeID="0x010100AC085CFC53BC46CEA2EADE194AD9D482007D882F3DB4E6404EA201C23280931750" ma:contentTypeVersion="2" ma:contentTypeDescription="GetOrganized dokument" ma:contentTypeScope="" ma:versionID="fbf13026a8f291662bad53175d7aa040">
  <xsd:schema xmlns:xsd="http://www.w3.org/2001/XMLSchema" xmlns:xs="http://www.w3.org/2001/XMLSchema" xmlns:p="http://schemas.microsoft.com/office/2006/metadata/properties" xmlns:ns1="http://schemas.microsoft.com/sharepoint/v3" xmlns:ns2="9F9B0A39-F246-429F-B4D5-14AF0D1367DD" xmlns:ns3="27b4bd2b-efdc-412b-b132-7df2f51485b0" targetNamespace="http://schemas.microsoft.com/office/2006/metadata/properties" ma:root="true" ma:fieldsID="a976db6e14796015f3cc8d5358fa6d68" ns1:_="" ns2:_="" ns3:_="">
    <xsd:import namespace="http://schemas.microsoft.com/sharepoint/v3"/>
    <xsd:import namespace="9F9B0A39-F246-429F-B4D5-14AF0D1367DD"/>
    <xsd:import namespace="27b4bd2b-efdc-412b-b132-7df2f51485b0"/>
    <xsd:element name="properties">
      <xsd:complexType>
        <xsd:sequence>
          <xsd:element name="documentManagement">
            <xsd:complexType>
              <xsd:all>
                <xsd:element ref="ns2:Classification" minOccurs="0"/>
                <xsd:element ref="ns2:Ansvarlig"/>
                <xsd:element ref="ns2:Afsender" minOccurs="0"/>
                <xsd:element ref="ns2:Resume" minOccurs="0"/>
                <xsd:element ref="ns2:Bem_x00e6_rkninger" minOccurs="0"/>
                <xsd:element ref="ns2:Dokumentdato" minOccurs="0"/>
                <xsd:element ref="ns2:Dokument_x0020_type" minOccurs="0"/>
                <xsd:element ref="ns2:Procesord" minOccurs="0"/>
                <xsd:element ref="ns2:Cirkul_x00e6_renummer" minOccurs="0"/>
                <xsd:element ref="ns2:OldDocID" minOccurs="0"/>
                <xsd:element ref="ns2:MigreretDokument" minOccurs="0"/>
                <xsd:element ref="ns2:KCSagsID" minOccurs="0"/>
                <xsd:element ref="ns2:Publiceringsdato" minOccurs="0"/>
                <xsd:element ref="ns1:CaseID" minOccurs="0"/>
                <xsd:element ref="ns1:CCMVisualId" minOccurs="0"/>
                <xsd:element ref="ns1:DocID" minOccurs="0"/>
                <xsd:element ref="ns1:Finalized" minOccurs="0"/>
                <xsd:element ref="ns1:Related" minOccurs="0"/>
                <xsd:element ref="ns1:RegistrationDate" minOccurs="0"/>
                <xsd:element ref="ns1:CaseRecordNumber" minOccurs="0"/>
                <xsd:element ref="ns1:LocalAttachment" minOccurs="0"/>
                <xsd:element ref="ns1:CCMTemplateName" minOccurs="0"/>
                <xsd:element ref="ns1:CCMTemplateVersion" minOccurs="0"/>
                <xsd:element ref="ns1:CCMTemplateID" minOccurs="0"/>
                <xsd:element ref="ns1:CCMSystemID" minOccurs="0"/>
                <xsd:element ref="ns1:WasEncrypted" minOccurs="0"/>
                <xsd:element ref="ns1:WasSigned" minOccurs="0"/>
                <xsd:element ref="ns1:MailHasAttachments" minOccurs="0"/>
                <xsd:element ref="ns1:CCMConversation" minOccurs="0"/>
                <xsd:element ref="ns2:c3ccde630d2f46bf94589b3208a8bd7f" minOccurs="0"/>
                <xsd:element ref="ns3:TaxCatchAll" minOccurs="0"/>
                <xsd:element ref="ns2:Er_x0020_publiceret" minOccurs="0"/>
                <xsd:element ref="ns1:CCMMetadataExtractionStatus" minOccurs="0"/>
                <xsd:element ref="ns1:CCMPageCount" minOccurs="0"/>
                <xsd:element ref="ns1:CCMCommentCount" minOccurs="0"/>
                <xsd:element ref="ns1:CCMPreviewAnnotationsTasks" minOccurs="0"/>
                <xsd:element ref="ns1:CCMCognitiveType" minOccurs="0"/>
                <xsd:element ref="ns2:Cirkulartyp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CaseID" ma:index="23" nillable="true" ma:displayName="Sags ID" ma:default="Tildeler" ma:internalName="CaseID" ma:readOnly="true">
      <xsd:simpleType>
        <xsd:restriction base="dms:Text"/>
      </xsd:simpleType>
    </xsd:element>
    <xsd:element name="CCMVisualId" ma:index="24" nillable="true" ma:displayName="Sags ID" ma:default="Tildeler" ma:internalName="CCMVisualId" ma:readOnly="true">
      <xsd:simpleType>
        <xsd:restriction base="dms:Text"/>
      </xsd:simpleType>
    </xsd:element>
    <xsd:element name="DocID" ma:index="25" nillable="true" ma:displayName="Dok ID" ma:default="Tildeler" ma:internalName="DocID" ma:readOnly="true">
      <xsd:simpleType>
        <xsd:restriction base="dms:Text"/>
      </xsd:simpleType>
    </xsd:element>
    <xsd:element name="Finalized" ma:index="26" nillable="true" ma:displayName="Endeligt" ma:default="False" ma:internalName="Finalized" ma:readOnly="true">
      <xsd:simpleType>
        <xsd:restriction base="dms:Boolean"/>
      </xsd:simpleType>
    </xsd:element>
    <xsd:element name="Related" ma:index="27" nillable="true" ma:displayName="Vedhæftet dokument" ma:default="False" ma:internalName="Related" ma:readOnly="true">
      <xsd:simpleType>
        <xsd:restriction base="dms:Boolean"/>
      </xsd:simpleType>
    </xsd:element>
    <xsd:element name="RegistrationDate" ma:index="28" nillable="true" ma:displayName="Registrerings dato" ma:format="DateTime" ma:internalName="RegistrationDate" ma:readOnly="true">
      <xsd:simpleType>
        <xsd:restriction base="dms:DateTime"/>
      </xsd:simpleType>
    </xsd:element>
    <xsd:element name="CaseRecordNumber" ma:index="29" nillable="true" ma:displayName="Akt ID" ma:decimals="0" ma:default="0" ma:internalName="CaseRecordNumber" ma:readOnly="true">
      <xsd:simpleType>
        <xsd:restriction base="dms:Number"/>
      </xsd:simpleType>
    </xsd:element>
    <xsd:element name="LocalAttachment" ma:index="30" nillable="true" ma:displayName="Lokalt bilag" ma:default="False" ma:description="" ma:internalName="LocalAttachment" ma:readOnly="true">
      <xsd:simpleType>
        <xsd:restriction base="dms:Boolean"/>
      </xsd:simpleType>
    </xsd:element>
    <xsd:element name="CCMTemplateName" ma:index="31" nillable="true" ma:displayName="Skabelonnavn" ma:internalName="CCMTemplateName" ma:readOnly="true">
      <xsd:simpleType>
        <xsd:restriction base="dms:Text"/>
      </xsd:simpleType>
    </xsd:element>
    <xsd:element name="CCMTemplateVersion" ma:index="32" nillable="true" ma:displayName="Skabelonversion" ma:internalName="CCMTemplateVersion" ma:readOnly="true">
      <xsd:simpleType>
        <xsd:restriction base="dms:Text"/>
      </xsd:simpleType>
    </xsd:element>
    <xsd:element name="CCMTemplateID" ma:index="33" nillable="true" ma:displayName="CCMTemplateID" ma:decimals="0" ma:default="0" ma:hidden="true" ma:internalName="CCMTemplateID" ma:readOnly="true">
      <xsd:simpleType>
        <xsd:restriction base="dms:Number"/>
      </xsd:simpleType>
    </xsd:element>
    <xsd:element name="CCMSystemID" ma:index="34" nillable="true" ma:displayName="CCMSystemID" ma:hidden="true" ma:internalName="CCMSystemID" ma:readOnly="true">
      <xsd:simpleType>
        <xsd:restriction base="dms:Text"/>
      </xsd:simpleType>
    </xsd:element>
    <xsd:element name="WasEncrypted" ma:index="35" nillable="true" ma:displayName="Krypteret" ma:default="False" ma:internalName="WasEncrypted" ma:readOnly="true">
      <xsd:simpleType>
        <xsd:restriction base="dms:Boolean"/>
      </xsd:simpleType>
    </xsd:element>
    <xsd:element name="WasSigned" ma:index="36" nillable="true" ma:displayName="Signeret" ma:default="False" ma:internalName="WasSigned" ma:readOnly="true">
      <xsd:simpleType>
        <xsd:restriction base="dms:Boolean"/>
      </xsd:simpleType>
    </xsd:element>
    <xsd:element name="MailHasAttachments" ma:index="37" nillable="true" ma:displayName="E-mail har vedhæftede filer" ma:default="False" ma:internalName="MailHasAttachments" ma:readOnly="true">
      <xsd:simpleType>
        <xsd:restriction base="dms:Boolean"/>
      </xsd:simpleType>
    </xsd:element>
    <xsd:element name="CCMConversation" ma:index="38" nillable="true" ma:displayName="Samtale" ma:description="" ma:internalName="CCMConversation" ma:readOnly="true">
      <xsd:simpleType>
        <xsd:restriction base="dms:Text"/>
      </xsd:simpleType>
    </xsd:element>
    <xsd:element name="CCMMetadataExtractionStatus" ma:index="43" nillable="true" ma:displayName="CCMMetadataExtractionStatus" ma:default="CCMPageCount:InProgress;CCMCommentCount:InProgress" ma:hidden="true" ma:internalName="CCMMetadataExtractionStatus" ma:readOnly="false">
      <xsd:simpleType>
        <xsd:restriction base="dms:Text"/>
      </xsd:simpleType>
    </xsd:element>
    <xsd:element name="CCMPageCount" ma:index="44" nillable="true" ma:displayName="Sider" ma:decimals="0" ma:description="" ma:internalName="CCMPageCount" ma:readOnly="true">
      <xsd:simpleType>
        <xsd:restriction base="dms:Number"/>
      </xsd:simpleType>
    </xsd:element>
    <xsd:element name="CCMCommentCount" ma:index="45" nillable="true" ma:displayName="Kommentarer" ma:decimals="0" ma:description="" ma:internalName="CCMCommentCount" ma:readOnly="true">
      <xsd:simpleType>
        <xsd:restriction base="dms:Number"/>
      </xsd:simpleType>
    </xsd:element>
    <xsd:element name="CCMPreviewAnnotationsTasks" ma:index="46" nillable="true" ma:displayName="Opgaver" ma:decimals="0" ma:description="" ma:internalName="CCMPreviewAnnotationsTasks" ma:readOnly="true">
      <xsd:simpleType>
        <xsd:restriction base="dms:Number"/>
      </xsd:simpleType>
    </xsd:element>
    <xsd:element name="CCMCognitiveType" ma:index="47" nillable="true" ma:displayName="CognitiveType" ma:decimals="0" ma:internalName="CCMCognitiveType" ma:readOnly="false">
      <xsd:simpleType>
        <xsd:restriction base="dms:Number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F9B0A39-F246-429F-B4D5-14AF0D1367DD" elementFormDefault="qualified">
    <xsd:import namespace="http://schemas.microsoft.com/office/2006/documentManagement/types"/>
    <xsd:import namespace="http://schemas.microsoft.com/office/infopath/2007/PartnerControls"/>
    <xsd:element name="Classification" ma:index="2" nillable="true" ma:displayName="Klassifikation" ma:default="Offentlig" ma:internalName="Classification">
      <xsd:simpleType>
        <xsd:restriction base="dms:Choice">
          <xsd:enumeration value="Offentlig"/>
          <xsd:enumeration value="Intern"/>
          <xsd:enumeration value="Fortrolig"/>
        </xsd:restriction>
      </xsd:simpleType>
    </xsd:element>
    <xsd:element name="Ansvarlig" ma:index="3" ma:displayName="Ansvarlig" ma:default="56;#Samuel Holm" ma:list="UserInfo" ma:SharePointGroup="0" ma:internalName="Ansvarlig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Afsender" ma:index="4" nillable="true" ma:displayName="Afsender/Modtager" ma:list="UserInfo" ma:SearchPeopleOnly="false" ma:SharePointGroup="0" ma:internalName="Afsender" ma:showField="ImnNam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Resume" ma:index="5" nillable="true" ma:displayName="Resume" ma:internalName="Resume">
      <xsd:simpleType>
        <xsd:restriction base="dms:Note"/>
      </xsd:simpleType>
    </xsd:element>
    <xsd:element name="Bem_x00e6_rkninger" ma:index="6" nillable="true" ma:displayName="Bemærkninger" ma:internalName="Bem_x00e6_rkninger">
      <xsd:simpleType>
        <xsd:restriction base="dms:Note"/>
      </xsd:simpleType>
    </xsd:element>
    <xsd:element name="Dokumentdato" ma:index="7" nillable="true" ma:displayName="Dokumentdato" ma:default="[today]" ma:format="DateOnly" ma:internalName="Dokumentdato">
      <xsd:simpleType>
        <xsd:restriction base="dms:DateTime"/>
      </xsd:simpleType>
    </xsd:element>
    <xsd:element name="Dokument_x0020_type" ma:index="8" nillable="true" ma:displayName="Dokumentkategori" ma:default="Udgående" ma:format="Dropdown" ma:internalName="Dokument_x0020_type">
      <xsd:simpleType>
        <xsd:restriction base="dms:Choice">
          <xsd:enumeration value="Udgående"/>
          <xsd:enumeration value="Indgående"/>
          <xsd:enumeration value="Internt"/>
        </xsd:restriction>
      </xsd:simpleType>
    </xsd:element>
    <xsd:element name="Procesord" ma:index="9" nillable="true" ma:displayName="Dokumenttype" ma:default="Andet" ma:format="Dropdown" ma:internalName="Procesord">
      <xsd:simpleType>
        <xsd:restriction base="dms:Choice">
          <xsd:enumeration value="Afgørelse/dom/kendelse"/>
          <xsd:enumeration value="Aftale/kontrakt"/>
          <xsd:enumeration value="Ansøgning"/>
          <xsd:enumeration value="Bekendtgørelsesdokument"/>
          <xsd:enumeration value="Budget"/>
          <xsd:enumeration value="Cirkulære"/>
          <xsd:enumeration value="Dagsorden"/>
          <xsd:enumeration value="Debatindlæg"/>
          <xsd:enumeration value="Direktivdokument"/>
          <xsd:enumeration value="Faktura/regning"/>
          <xsd:enumeration value="Foredrag"/>
          <xsd:enumeration value="Høringssvar"/>
          <xsd:enumeration value="Kommissorium"/>
          <xsd:enumeration value="Lovdokument"/>
          <xsd:enumeration value="Medlemsinformation"/>
          <xsd:enumeration value="Nyhed"/>
          <xsd:enumeration value="Projektbeskrivelse"/>
          <xsd:enumeration value="Rapport"/>
          <xsd:enumeration value="Referat"/>
          <xsd:enumeration value="Responsum"/>
          <xsd:enumeration value="Talepapir"/>
          <xsd:enumeration value="Vejledning"/>
          <xsd:enumeration value="Årsrapport/regnskab"/>
          <xsd:enumeration value="Andet"/>
        </xsd:restriction>
      </xsd:simpleType>
    </xsd:element>
    <xsd:element name="Cirkul_x00e6_renummer" ma:index="11" nillable="true" ma:displayName="Informationsnummer" ma:internalName="Cirkul_x00e6_renummer">
      <xsd:simpleType>
        <xsd:restriction base="dms:Text">
          <xsd:maxLength value="255"/>
        </xsd:restriction>
      </xsd:simpleType>
    </xsd:element>
    <xsd:element name="OldDocID" ma:index="13" nillable="true" ma:displayName="Gammelt Dokument ID" ma:internalName="OldDocID">
      <xsd:simpleType>
        <xsd:restriction base="dms:Text">
          <xsd:maxLength value="255"/>
        </xsd:restriction>
      </xsd:simpleType>
    </xsd:element>
    <xsd:element name="MigreretDokument" ma:index="14" nillable="true" ma:displayName="Migreret Dokument" ma:default="0" ma:internalName="MigreretDokument">
      <xsd:simpleType>
        <xsd:restriction base="dms:Boolean"/>
      </xsd:simpleType>
    </xsd:element>
    <xsd:element name="KCSagsID" ma:index="15" nillable="true" ma:displayName="KCSagsID" ma:internalName="KCSagsID">
      <xsd:simpleType>
        <xsd:restriction base="dms:Text"/>
      </xsd:simpleType>
    </xsd:element>
    <xsd:element name="Publiceringsdato" ma:index="16" nillable="true" ma:displayName="Publiceringsdato" ma:format="DateTime" ma:internalName="Publiceringsdato">
      <xsd:simpleType>
        <xsd:restriction base="dms:DateTime"/>
      </xsd:simpleType>
    </xsd:element>
    <xsd:element name="c3ccde630d2f46bf94589b3208a8bd7f" ma:index="40" nillable="true" ma:taxonomy="true" ma:internalName="c3ccde630d2f46bf94589b3208a8bd7f" ma:taxonomyFieldName="S_x00f8_geord" ma:displayName="Søgeord" ma:default="" ma:fieldId="{c3ccde63-0d2f-46bf-9458-9b3208a8bd7f}" ma:taxonomyMulti="true" ma:sspId="3cfcbf72-5f5f-44aa-b068-986cc59421ad" ma:termSetId="d89dc692-220b-472a-b5ae-b3693bfdd060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Er_x0020_publiceret" ma:index="42" nillable="true" ma:displayName="Er publiceret" ma:internalName="Er_x0020_publiceret" ma:readOnly="true">
      <xsd:simpleType>
        <xsd:restriction base="dms:Boolean"/>
      </xsd:simpleType>
    </xsd:element>
    <xsd:element name="Cirkulartype" ma:index="48" nillable="true" ma:displayName="Informationskategori" ma:default="Ikke en information" ma:format="Dropdown" ma:internalName="Cirkulartype">
      <xsd:simpleType>
        <xsd:restriction base="dms:Choice">
          <xsd:enumeration value="Ikke en information"/>
          <xsd:enumeration value="Skade information"/>
          <xsd:enumeration value="F&amp;P information"/>
          <xsd:enumeration value="Motor information"/>
          <xsd:enumeration value="Sø information"/>
          <xsd:enumeration value="DFIM information"/>
          <xsd:enumeration value="FAH information"/>
          <xsd:enumeration value="Pant information"/>
          <xsd:enumeration value="Redning information"/>
          <xsd:enumeration value="LP information"/>
          <xsd:enumeration value="Bestyrelsen"/>
          <xsd:enumeration value="Autotaks information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7b4bd2b-efdc-412b-b132-7df2f51485b0" elementFormDefault="qualified">
    <xsd:import namespace="http://schemas.microsoft.com/office/2006/documentManagement/types"/>
    <xsd:import namespace="http://schemas.microsoft.com/office/infopath/2007/PartnerControls"/>
    <xsd:element name="TaxCatchAll" ma:index="41" nillable="true" ma:displayName="Taxonomy Catch All Column" ma:hidden="true" ma:list="{d0116fe3-3caa-4b38-8291-0923f9b20c38}" ma:internalName="TaxCatchAll" ma:showField="CatchAllData" ma:web="27b4bd2b-efdc-412b-b132-7df2f51485b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17" ma:displayName="Indholdstype"/>
        <xsd:element ref="dc:title" minOccurs="0" maxOccurs="1" ma:index="1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6.xml><?xml version="1.0" encoding="utf-8"?>
<TemplafySlideFormConfiguration><![CDATA[{"formFields":[],"formDataEntries":[]}]]></TemplafySlideFormConfiguration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CCMCognitiveType xmlns="http://schemas.microsoft.com/sharepoint/v3" xsi:nil="true"/>
    <CCMMetadataExtractionStatus xmlns="http://schemas.microsoft.com/sharepoint/v3">CCMPageCount:InProgress;CCMCommentCount:InProgress</CCMMetadataExtractionStatus>
    <LocalAttachment xmlns="http://schemas.microsoft.com/sharepoint/v3">false</LocalAttachment>
    <RegistrationDate xmlns="http://schemas.microsoft.com/sharepoint/v3" xsi:nil="true"/>
    <CaseRecordNumber xmlns="http://schemas.microsoft.com/sharepoint/v3">0</CaseRecordNumber>
    <Related xmlns="http://schemas.microsoft.com/sharepoint/v3">false</Related>
    <Finalized xmlns="http://schemas.microsoft.com/sharepoint/v3">false</Finalized>
    <WasSigned xmlns="http://schemas.microsoft.com/sharepoint/v3">false</WasSigned>
    <WasEncrypted xmlns="http://schemas.microsoft.com/sharepoint/v3">false</WasEncrypted>
    <CCMSystemID xmlns="http://schemas.microsoft.com/sharepoint/v3">a6110ba3-8652-4bfa-b896-1832244e4f67</CCMSystemID>
    <CCMVisualId xmlns="http://schemas.microsoft.com/sharepoint/v3">GES-2023-00258</CCMVisualId>
    <DocID xmlns="http://schemas.microsoft.com/sharepoint/v3">479087</DocID>
    <MailHasAttachments xmlns="http://schemas.microsoft.com/sharepoint/v3">false</MailHasAttachments>
    <CCMTemplateID xmlns="http://schemas.microsoft.com/sharepoint/v3">0</CCMTemplateID>
    <CaseID xmlns="http://schemas.microsoft.com/sharepoint/v3">GES-2023-00258</CaseID>
    <CCMPageCount xmlns="http://schemas.microsoft.com/sharepoint/v3">0</CCMPageCount>
    <CCMCommentCount xmlns="http://schemas.microsoft.com/sharepoint/v3">0</CCMCommentCount>
    <CCMPreviewAnnotationsTasks xmlns="http://schemas.microsoft.com/sharepoint/v3">0</CCMPreviewAnnotationsTasks>
    <CCMConversation xmlns="http://schemas.microsoft.com/sharepoint/v3" xsi:nil="true"/>
    <Procesord xmlns="9F9B0A39-F246-429F-B4D5-14AF0D1367DD">Andet</Procesord>
    <TaxCatchAll xmlns="27b4bd2b-efdc-412b-b132-7df2f51485b0"/>
    <c3ccde630d2f46bf94589b3208a8bd7f xmlns="9F9B0A39-F246-429F-B4D5-14AF0D1367DD">
      <Terms xmlns="http://schemas.microsoft.com/office/infopath/2007/PartnerControls"/>
    </c3ccde630d2f46bf94589b3208a8bd7f>
    <Classification xmlns="9F9B0A39-F246-429F-B4D5-14AF0D1367DD">Offentlig</Classification>
    <Dokument_x0020_type xmlns="9F9B0A39-F246-429F-B4D5-14AF0D1367DD">Udgående</Dokument_x0020_type>
    <OldDocID xmlns="9F9B0A39-F246-429F-B4D5-14AF0D1367DD" xsi:nil="true"/>
    <Resume xmlns="9F9B0A39-F246-429F-B4D5-14AF0D1367DD" xsi:nil="true"/>
    <Cirkul_x00e6_renummer xmlns="9F9B0A39-F246-429F-B4D5-14AF0D1367DD" xsi:nil="true"/>
    <KCSagsID xmlns="9F9B0A39-F246-429F-B4D5-14AF0D1367DD" xsi:nil="true"/>
    <Cirkulartype xmlns="9F9B0A39-F246-429F-B4D5-14AF0D1367DD">Ikke en information</Cirkulartype>
    <Publiceringsdato xmlns="9F9B0A39-F246-429F-B4D5-14AF0D1367DD" xsi:nil="true"/>
    <MigreretDokument xmlns="9F9B0A39-F246-429F-B4D5-14AF0D1367DD">false</MigreretDokument>
    <Afsender xmlns="9F9B0A39-F246-429F-B4D5-14AF0D1367DD">
      <UserInfo>
        <DisplayName/>
        <AccountId xsi:nil="true"/>
        <AccountType/>
      </UserInfo>
    </Afsender>
    <Ansvarlig xmlns="9F9B0A39-F246-429F-B4D5-14AF0D1367DD">
      <UserInfo>
        <DisplayName>Samuel Holm</DisplayName>
        <AccountId>56</AccountId>
        <AccountType/>
      </UserInfo>
    </Ansvarlig>
    <Dokumentdato xmlns="9F9B0A39-F246-429F-B4D5-14AF0D1367DD">2023-11-22T23:00:00+00:00</Dokumentdato>
    <Bem_x00e6_rkninger xmlns="9F9B0A39-F246-429F-B4D5-14AF0D1367DD" xsi:nil="true"/>
    <Er_x0020_publiceret xmlns="9F9B0A39-F246-429F-B4D5-14AF0D1367DD">false</Er_x0020_publiceret>
  </documentManagement>
</p:properties>
</file>

<file path=customXml/item8.xml><?xml version="1.0" encoding="utf-8"?>
<PpStyles><![CDATA[{
	"Styles": [
		{
			"Base64Png": "data:image/png;base64,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",
			"Name": "Header 40",
			"Paragraph": {
				"Font": {
					"Name": "Quincy CF F&P Office",
					"NameFarEast": "+mn-ea",
					"NameComplexScript": "+mn-cs",
					"Size": 40.0,
					"Bold": true,
					"Italic": false,
					"Underline": false,
					"Color": "38, 53, 93",
					"SmallCaps": false,
					"AllCaps": false
				},
				"Alignment": 0,
				"IndentBefore": 0.0,
				"FirstLineIndent": 0.0,
				"ParagraphSpacing": {
					"Before": 0.0,
					"After": 0.0,
					"LineSpacing": 1.0,
					"MeasureInLines": true
				}
			},
			"List": {
				"Visible": false,
				"BulletType": 4,
				"StartValue": 1,
				"IndentLevel": 1,
				"Character": 8226,
				"CharacterFont": "",
				"BulletStyle": 0,
				"BulletSize": 1.0,
				"BulletColor": "38, 53, 93"
			}
		},
		{
			"Base64Png": "data:image/png;base64,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",
			"Name": "Bullet Level 1",
			"Paragraph": {
				"Font": {
					"Name": "Quincy CF F&P Office",
					"NameFarEast": "+mn-ea",
					"NameComplexScript": "+mn-cs",
					"Size": 16.0,
					"Bold": false,
					"Italic": false,
					"Underline": false,
					"Color": "38, 53, 93",
					"SmallCaps": false,
					"AllCaps": false
				},
				"Alignment": 0,
				"IndentBefore": 22.5,
				"FirstLineIndent": -22.5,
				"ParagraphSpacing": {
					"Before": 0.0,
					"After": 0.0,
					"LineSpacing": 1.0,
					"MeasureInLines": true
				}
			},
			"List": {
				"Visible": true,
				"BulletType": 1,
				"StartValue": 1,
				"IndentLevel": 1,
				"Character": 8226,
				"CharacterFont": "Arial",
				"BulletStyle": 0,
				"BulletSize": 1.0,
				"BulletColor": "38, 53, 93"
			}
		},
		{
			"Base64Png": "data:image/png;base64,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",
			"Name": "Bullet Level 2",
			"Paragraph": {
				"Font": {
					"Name": "Quincy CF F&P Office",
					"NameFarEast": "+mn-ea",
					"NameComplexScript": "+mn-cs",
					"Size": 16.0,
					"Bold": false,
					"Italic": false,
					"Underline": false,
					"Color": "38, 53, 93",
					"SmallCaps": false,
					"AllCaps": false
				},
				"Alignment": 0,
				"IndentBefore": 43.7598419,
				"FirstLineIndent": -22.5,
				"ParagraphSpacing": {
					"Before": 0.0,
					"After": 0.0,
					"LineSpacing": 1.0,
					"MeasureInLines": true
				}
			},
			"List": {
				"Visible": true,
				"BulletType": 1,
				"StartValue": 1,
				"IndentLevel": 2,
				"Character": 8226,
				"CharacterFont": "Arial",
				"BulletStyle": 0,
				"BulletSize": 1.0,
				"BulletColor": "38, 53, 93"
			}
		},
		{
			"Base64Png": "data:image/png;base64,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",
			"Name": "Bullet Level 3",
			"Paragraph": {
				"Font": {
					"Name": "Quincy CF F&P Office",
					"NameFarEast": "+mn-ea",
					"NameComplexScript": "+mn-cs",
					"Size": 16.0,
					"Bold": false,
					"Italic": false,
					"Underline": false,
					"Color": "38, 53, 93",
					"SmallCaps": false,
					"AllCaps": false
				},
				"Alignment": 0,
				"IndentBefore": 65.0196838,
				"FirstLineIndent": -22.5,
				"ParagraphSpacing": {
					"Before": 0.0,
					"After": 0.0,
					"LineSpacing": 1.0,
					"MeasureInLines": true
				}
			},
			"List": {
				"Visible": true,
				"BulletType": 1,
				"StartValue": 1,
				"IndentLevel": 3,
				"Character": 8226,
				"CharacterFont": "Arial",
				"BulletStyle": 0,
				"BulletSize": 1.0,
				"BulletColor": "38, 53, 93"
			}
		},
		{
			"Base64Png": "data:image/png;base64,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",
			"Name": "HEADER 16",
			"Paragraph": {
				"Font": {
					"Name": "Quincy CF F&P Office",
					"NameFarEast": "+mn-ea",
					"NameComplexScript": "+mn-cs",
					"Size": 16.0,
					"Bold": true,
					"Italic": false,
					"Underline": false,
					"Color": "38, 53, 93",
					"SmallCaps": false,
					"AllCaps": true
				},
				"Alignment": 0,
				"IndentBefore": 0.0,
				"FirstLineIndent": 0.0,
				"ParagraphSpacing": {
					"Before": 0.0,
					"After": 0.0,
					"LineSpacing": 1.0,
					"MeasureInLines": true
				}
			},
			"List": {
				"Visible": false,
				"BulletType": 4,
				"StartValue": 1,
				"IndentLevel": 1,
				"Character": 8226,
				"CharacterFont": "",
				"BulletStyle": 0,
				"BulletSize": 1.0,
				"BulletColor": "38, 53, 93"
			}
		},
		{
			"Base64Png": "data:image/png;base64,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",
			"Name": "Body 16",
			"Paragraph": {
				"Font": {
					"Name": "Quincy CF F&P Office",
					"NameFarEast": "+mn-ea",
					"NameComplexScript": "+mn-cs",
					"Size": 16.0,
					"Bold": false,
					"Italic": false,
					"Underline": false,
					"Color": "38, 53, 93",
					"SmallCaps": false,
					"AllCaps": false
				},
				"Alignment": 0,
				"IndentBefore": 0.0,
				"FirstLineIndent": 0.0,
				"ParagraphSpacing": {
					"Before": 0.0,
					"After": 0.0,
					"LineSpacing": 1.0,
					"MeasureInLines": true
				}
			},
			"List": {
				"Visible": false,
				"BulletType": 4,
				"StartValue": 1,
				"IndentLevel": 1,
				"Character": 8226,
				"CharacterFont": "",
				"BulletStyle": 0,
				"BulletSize": 1.0,
				"BulletColor": "38, 53, 93"
			}
		},
		{
			"Base64Png": "data:image/png;base64,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",
			"Name": "Bullet Report 10",
			"Paragraph": {
				"Font": {
					"Name": "Quincy CF F&P Office",
					"NameFarEast": "+mn-ea",
					"NameComplexScript": "+mn-cs",
					"Size": 10.0,
					"Bold": false,
					"Italic": false,
					"Underline": false,
					"Color": "38, 53, 93",
					"SmallCaps": false,
					"AllCaps": false
				},
				"Alignment": 0,
				"IndentBefore": 22.5,
				"FirstLineIndent": -22.5,
				"ParagraphSpacing": {
					"Before": 0.0,
					"After": 0.0,
					"LineSpacing": 1.0,
					"MeasureInLines": true
				}
			},
			"List": {
				"Visible": true,
				"BulletType": 1,
				"StartValue": 1,
				"IndentLevel": 1,
				"Character": 8226,
				"CharacterFont": "Arial",
				"BulletStyle": 0,
				"BulletSize": 1.0,
				"BulletColor": "38, 53, 93"
			}
		},
		{
			"Base64Png": "data:image/png;base64,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",
			"Name": "Header report 10",
			"Paragraph": {
				"Font": {
					"Name": "Quincy CF F&P Office",
					"NameFarEast": "+mn-ea",
					"NameComplexScript": "+mn-cs",
					"Size": 10.0,
					"Bold": true,
					"Italic": false,
					"Underline": false,
					"Color": "38, 53, 93",
					"SmallCaps": false,
					"AllCaps": true
				},
				"Alignment": 0,
				"IndentBefore": 0.0,
				"FirstLineIndent": 0.0,
				"ParagraphSpacing": {
					"Before": 0.0,
					"After": 0.0,
					"LineSpacing": 1.0,
					"MeasureInLines": true
				}
			},
			"List": {
				"Visible": false,
				"BulletType": 4,
				"StartValue": 1,
				"IndentLevel": 1,
				"Character": 8226,
				"CharacterFont": "",
				"BulletStyle": 0,
				"BulletSize": 1.0,
				"BulletColor": "38, 53, 93"
			}
		},
		{
			"Base64Png": "data:image/png;base64,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",
			"Name": "Body Report 10",
			"Paragraph": {
				"Font": {
					"Name": "Quincy CF F&P Office",
					"NameFarEast": "+mn-ea",
					"NameComplexScript": "+mn-cs",
					"Size": 10.0,
					"Bold": false,
					"Italic": false,
					"Underline": false,
					"Color": "38, 53, 93",
					"SmallCaps": false,
					"AllCaps": false
				},
				"Alignment": 0,
				"IndentBefore": 0.0,
				"FirstLineIndent": 0.0,
				"ParagraphSpacing": {
					"Before": 0.0,
					"After": 0.0,
					"LineSpacing": 1.0,
					"MeasureInLines": true
				}
			},
			"List": {
				"Visible": false,
				"BulletType": 4,
				"StartValue": 1,
				"IndentLevel": 1,
				"Character": 8226,
				"CharacterFont": "",
				"BulletStyle": 0,
				"BulletSize": 1.0,
				"BulletColor": "38, 53, 93"
			}
		},
		{
			"Base64Png": "data:image/png;base64,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",
			"Name": "Infographics 60",
			"Paragraph": {
				"Font": {
					"Name": "Quincy CF F&P Office",
					"NameFarEast": "+mn-ea",
					"NameComplexScript": "+mn-cs",
					"Size": 60.0,
					"Bold": true,
					"Italic": false,
					"Underline": false,
					"Color": "38, 53, 93",
					"SmallCaps": false,
					"AllCaps": false
				},
				"Alignment": 0,
				"IndentBefore": 0.0,
				"FirstLineIndent": 0.0,
				"ParagraphSpacing": {
					"Before": 0.0,
					"After": 0.0,
					"LineSpacing": 1.0,
					"MeasureInLines": true
				}
			},
			"List": {
				"Visible": false,
				"BulletType": 4,
				"StartValue": 1,
				"IndentLevel": 1,
				"Character": 8226,
				"CharacterFont": "",
				"BulletStyle": 0,
				"BulletSize": 1.0,
				"BulletColor": "38, 53, 93"
			}
		}
	]
}]]></PpStyles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6D9B5CCB-227B-4DAE-900B-D096C51723D5}">
  <ds:schemaRefs>
    <ds:schemaRef ds:uri="http://schemas.microsoft.com/office/2006/metadata/customXsn"/>
  </ds:schemaRefs>
</ds:datastoreItem>
</file>

<file path=customXml/itemProps10.xml><?xml version="1.0" encoding="utf-8"?>
<ds:datastoreItem xmlns:ds="http://schemas.openxmlformats.org/officeDocument/2006/customXml" ds:itemID="{CA16D49A-983F-4D34-B8D8-77D249A87340}">
  <ds:schemaRefs>
    <ds:schemaRef ds:uri="http://schemas.microsoft.com/sharepoint/v3/contenttype/forms"/>
  </ds:schemaRefs>
</ds:datastoreItem>
</file>

<file path=customXml/itemProps11.xml><?xml version="1.0" encoding="utf-8"?>
<ds:datastoreItem xmlns:ds="http://schemas.openxmlformats.org/officeDocument/2006/customXml" ds:itemID="{F5208B9F-62F6-46E7-9E2A-4C36258BF536}">
  <ds:schemaRefs/>
</ds:datastoreItem>
</file>

<file path=customXml/itemProps2.xml><?xml version="1.0" encoding="utf-8"?>
<ds:datastoreItem xmlns:ds="http://schemas.openxmlformats.org/officeDocument/2006/customXml" ds:itemID="{280CD3CD-1936-49DC-9575-13760648F9EA}">
  <ds:schemaRefs/>
</ds:datastoreItem>
</file>

<file path=customXml/itemProps3.xml><?xml version="1.0" encoding="utf-8"?>
<ds:datastoreItem xmlns:ds="http://schemas.openxmlformats.org/officeDocument/2006/customXml" ds:itemID="{72516535-7702-46AF-9B1F-8623A67A824E}">
  <ds:schemaRefs/>
</ds:datastoreItem>
</file>

<file path=customXml/itemProps4.xml><?xml version="1.0" encoding="utf-8"?>
<ds:datastoreItem xmlns:ds="http://schemas.openxmlformats.org/officeDocument/2006/customXml" ds:itemID="{506E4BEC-BA73-448B-B777-DFD5F9FB6B4D}">
  <ds:schemaRefs/>
</ds:datastoreItem>
</file>

<file path=customXml/itemProps5.xml><?xml version="1.0" encoding="utf-8"?>
<ds:datastoreItem xmlns:ds="http://schemas.openxmlformats.org/officeDocument/2006/customXml" ds:itemID="{1134C2DD-FE26-46D7-8FF8-72C9DF47AFB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9F9B0A39-F246-429F-B4D5-14AF0D1367DD"/>
    <ds:schemaRef ds:uri="27b4bd2b-efdc-412b-b132-7df2f51485b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6.xml><?xml version="1.0" encoding="utf-8"?>
<ds:datastoreItem xmlns:ds="http://schemas.openxmlformats.org/officeDocument/2006/customXml" ds:itemID="{32BA7684-6BE4-4F73-B22E-30934AB379B8}">
  <ds:schemaRefs/>
</ds:datastoreItem>
</file>

<file path=customXml/itemProps7.xml><?xml version="1.0" encoding="utf-8"?>
<ds:datastoreItem xmlns:ds="http://schemas.openxmlformats.org/officeDocument/2006/customXml" ds:itemID="{FFCA2330-B781-4753-BF4F-180187301A12}">
  <ds:schemaRefs>
    <ds:schemaRef ds:uri="http://schemas.microsoft.com/sharepoint/v3"/>
    <ds:schemaRef ds:uri="http://purl.org/dc/terms/"/>
    <ds:schemaRef ds:uri="9F9B0A39-F246-429F-B4D5-14AF0D1367DD"/>
    <ds:schemaRef ds:uri="27b4bd2b-efdc-412b-b132-7df2f51485b0"/>
    <ds:schemaRef ds:uri="http://schemas.microsoft.com/office/2006/documentManagement/types"/>
    <ds:schemaRef ds:uri="http://www.w3.org/XML/1998/namespace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schemas.openxmlformats.org/package/2006/metadata/core-properties"/>
    <ds:schemaRef ds:uri="http://purl.org/dc/dcmitype/"/>
  </ds:schemaRefs>
</ds:datastoreItem>
</file>

<file path=customXml/itemProps8.xml><?xml version="1.0" encoding="utf-8"?>
<ds:datastoreItem xmlns:ds="http://schemas.openxmlformats.org/officeDocument/2006/customXml" ds:itemID="{15227CE6-624D-4772-9EFD-895424EE89C3}">
  <ds:schemaRefs/>
</ds:datastoreItem>
</file>

<file path=customXml/itemProps9.xml><?xml version="1.0" encoding="utf-8"?>
<ds:datastoreItem xmlns:ds="http://schemas.openxmlformats.org/officeDocument/2006/customXml" ds:itemID="{70655AF4-7004-4B78-9050-7A802B1C023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DK</Template>
  <TotalTime>0</TotalTime>
  <Words>243</Words>
  <Application>Microsoft Office PowerPoint</Application>
  <PresentationFormat>Widescreen</PresentationFormat>
  <Paragraphs>34</Paragraphs>
  <Slides>6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9" baseType="lpstr">
      <vt:lpstr>Arial</vt:lpstr>
      <vt:lpstr>Quincy CF F&amp;P Office</vt:lpstr>
      <vt:lpstr>Forsikring og Pension</vt:lpstr>
      <vt:lpstr>Ny vejledning om  Konkurrenceret i F&amp;P</vt:lpstr>
      <vt:lpstr>PowerPoint-præsentation</vt:lpstr>
      <vt:lpstr>PowerPoint-præsentation</vt:lpstr>
      <vt:lpstr>Møderegler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nboarding introdag - PP om Konkurrenceregler</dc:title>
  <dc:creator/>
  <cp:lastModifiedBy/>
  <cp:revision>1</cp:revision>
  <dcterms:created xsi:type="dcterms:W3CDTF">2021-11-10T18:47:38Z</dcterms:created>
  <dcterms:modified xsi:type="dcterms:W3CDTF">2026-01-27T11:03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omnidocs.com</vt:lpwstr>
  </property>
  <property fmtid="{D5CDD505-2E9C-101B-9397-08002B2CF9AE}" pid="3" name="TemplafyTimeStamp">
    <vt:lpwstr>2021-11-16T12:17:21.8235374Z</vt:lpwstr>
  </property>
  <property fmtid="{D5CDD505-2E9C-101B-9397-08002B2CF9AE}" pid="4" name="CustomerId">
    <vt:lpwstr>forsikringogpension</vt:lpwstr>
  </property>
  <property fmtid="{D5CDD505-2E9C-101B-9397-08002B2CF9AE}" pid="5" name="TemplateId">
    <vt:lpwstr>638071412278549817</vt:lpwstr>
  </property>
  <property fmtid="{D5CDD505-2E9C-101B-9397-08002B2CF9AE}" pid="6" name="UserProfileId">
    <vt:lpwstr>638192054558304042</vt:lpwstr>
  </property>
  <property fmtid="{D5CDD505-2E9C-101B-9397-08002B2CF9AE}" pid="7" name="ContentTypeId">
    <vt:lpwstr>0x010100AC085CFC53BC46CEA2EADE194AD9D482007D882F3DB4E6404EA201C23280931750</vt:lpwstr>
  </property>
  <property fmtid="{D5CDD505-2E9C-101B-9397-08002B2CF9AE}" pid="8" name="CCMOneDriveID">
    <vt:lpwstr/>
  </property>
  <property fmtid="{D5CDD505-2E9C-101B-9397-08002B2CF9AE}" pid="9" name="CCMOneDriveOwnerID">
    <vt:lpwstr/>
  </property>
  <property fmtid="{D5CDD505-2E9C-101B-9397-08002B2CF9AE}" pid="10" name="CCMOneDriveItemID">
    <vt:lpwstr/>
  </property>
  <property fmtid="{D5CDD505-2E9C-101B-9397-08002B2CF9AE}" pid="11" name="CCMIsSharedOnOneDrive">
    <vt:bool>false</vt:bool>
  </property>
  <property fmtid="{D5CDD505-2E9C-101B-9397-08002B2CF9AE}" pid="12" name="CCMPostListPublishStatus">
    <vt:lpwstr>Afventer godkendelse</vt:lpwstr>
  </property>
  <property fmtid="{D5CDD505-2E9C-101B-9397-08002B2CF9AE}" pid="13" name="xd_Signature">
    <vt:bool>false</vt:bool>
  </property>
  <property fmtid="{D5CDD505-2E9C-101B-9397-08002B2CF9AE}" pid="14" name="CCMMustBeOnPostList">
    <vt:bool>true</vt:bool>
  </property>
  <property fmtid="{D5CDD505-2E9C-101B-9397-08002B2CF9AE}" pid="15" name="Søgeord">
    <vt:lpwstr/>
  </property>
  <property fmtid="{D5CDD505-2E9C-101B-9397-08002B2CF9AE}" pid="16" name="CCMSystem">
    <vt:lpwstr> </vt:lpwstr>
  </property>
  <property fmtid="{D5CDD505-2E9C-101B-9397-08002B2CF9AE}" pid="17" name="CCMCommunication">
    <vt:lpwstr/>
  </property>
  <property fmtid="{D5CDD505-2E9C-101B-9397-08002B2CF9AE}" pid="18" name="CCMWorkflowInstanceID">
    <vt:lpwstr/>
  </property>
  <property fmtid="{D5CDD505-2E9C-101B-9397-08002B2CF9AE}" pid="19" name="CCMAgendaItemId">
    <vt:i4>0</vt:i4>
  </property>
  <property fmtid="{D5CDD505-2E9C-101B-9397-08002B2CF9AE}" pid="20" name="CCMWorkflowStatus">
    <vt:lpwstr/>
  </property>
</Properties>
</file>